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社会教育課\情報政策課で編集したもの\"/>
    </mc:Choice>
  </mc:AlternateContent>
  <bookViews>
    <workbookView xWindow="120" yWindow="45" windowWidth="11700" windowHeight="6510" tabRatio="598"/>
  </bookViews>
  <sheets>
    <sheet name="公共図書館" sheetId="6" r:id="rId1"/>
  </sheets>
  <calcPr calcId="145621"/>
</workbook>
</file>

<file path=xl/sharedStrings.xml><?xml version="1.0" encoding="utf-8"?>
<sst xmlns="http://schemas.openxmlformats.org/spreadsheetml/2006/main" count="248" uniqueCount="223">
  <si>
    <t>安来市立図書館</t>
    <rPh sb="0" eb="2">
      <t>ヤスギ</t>
    </rPh>
    <rPh sb="2" eb="4">
      <t>シリツ</t>
    </rPh>
    <rPh sb="4" eb="7">
      <t>トショカン</t>
    </rPh>
    <phoneticPr fontId="1"/>
  </si>
  <si>
    <t>江津市図書館</t>
    <rPh sb="0" eb="2">
      <t>ゴウツ</t>
    </rPh>
    <rPh sb="2" eb="3">
      <t>シ</t>
    </rPh>
    <rPh sb="3" eb="6">
      <t>トショカン</t>
    </rPh>
    <phoneticPr fontId="1"/>
  </si>
  <si>
    <t>かわもと図書館</t>
    <rPh sb="4" eb="7">
      <t>トショカン</t>
    </rPh>
    <phoneticPr fontId="1"/>
  </si>
  <si>
    <t>益田市立図書館</t>
    <rPh sb="0" eb="2">
      <t>マスダ</t>
    </rPh>
    <rPh sb="2" eb="3">
      <t>シ</t>
    </rPh>
    <rPh sb="3" eb="4">
      <t>タテ</t>
    </rPh>
    <rPh sb="4" eb="7">
      <t>トショカン</t>
    </rPh>
    <phoneticPr fontId="1"/>
  </si>
  <si>
    <t>電話番号</t>
    <rPh sb="0" eb="2">
      <t>デンワ</t>
    </rPh>
    <rPh sb="2" eb="4">
      <t>バンゴウ</t>
    </rPh>
    <phoneticPr fontId="1"/>
  </si>
  <si>
    <t>飯南町立図書館</t>
    <rPh sb="0" eb="1">
      <t>メシ</t>
    </rPh>
    <rPh sb="1" eb="2">
      <t>ミナミ</t>
    </rPh>
    <rPh sb="2" eb="4">
      <t>チョウリツ</t>
    </rPh>
    <rPh sb="4" eb="7">
      <t>トショカン</t>
    </rPh>
    <phoneticPr fontId="1"/>
  </si>
  <si>
    <t>邑南町立図書館</t>
    <rPh sb="0" eb="1">
      <t>ムラ</t>
    </rPh>
    <rPh sb="1" eb="3">
      <t>ミナミマチ</t>
    </rPh>
    <rPh sb="3" eb="4">
      <t>リツ</t>
    </rPh>
    <rPh sb="4" eb="7">
      <t>トショカン</t>
    </rPh>
    <phoneticPr fontId="1"/>
  </si>
  <si>
    <t>図書館名</t>
    <rPh sb="0" eb="3">
      <t>トショカン</t>
    </rPh>
    <rPh sb="3" eb="4">
      <t>メイ</t>
    </rPh>
    <phoneticPr fontId="1"/>
  </si>
  <si>
    <t>松江市内中原町５２</t>
    <rPh sb="0" eb="3">
      <t>マツエシ</t>
    </rPh>
    <rPh sb="3" eb="4">
      <t>ナイ</t>
    </rPh>
    <rPh sb="4" eb="6">
      <t>ナカハラ</t>
    </rPh>
    <rPh sb="6" eb="7">
      <t>マチ</t>
    </rPh>
    <phoneticPr fontId="1"/>
  </si>
  <si>
    <t>安来市安来町１０６２－１</t>
    <rPh sb="0" eb="3">
      <t>ヤスギシ</t>
    </rPh>
    <rPh sb="3" eb="5">
      <t>ヤスギ</t>
    </rPh>
    <rPh sb="5" eb="6">
      <t>マチ</t>
    </rPh>
    <phoneticPr fontId="1"/>
  </si>
  <si>
    <t>雲南市木次町木次１００８</t>
    <rPh sb="0" eb="1">
      <t>クモ</t>
    </rPh>
    <rPh sb="1" eb="2">
      <t>ミナミ</t>
    </rPh>
    <rPh sb="2" eb="3">
      <t>シ</t>
    </rPh>
    <rPh sb="3" eb="5">
      <t>キスキ</t>
    </rPh>
    <rPh sb="5" eb="6">
      <t>マチ</t>
    </rPh>
    <rPh sb="6" eb="8">
      <t>キスキ</t>
    </rPh>
    <phoneticPr fontId="1"/>
  </si>
  <si>
    <t>出雲市大津町１１３４</t>
    <rPh sb="0" eb="3">
      <t>イズモシ</t>
    </rPh>
    <rPh sb="3" eb="5">
      <t>オオツ</t>
    </rPh>
    <rPh sb="5" eb="6">
      <t>マチ</t>
    </rPh>
    <phoneticPr fontId="1"/>
  </si>
  <si>
    <t>出雲市平田町２１１０－１</t>
    <rPh sb="0" eb="3">
      <t>イズモシ</t>
    </rPh>
    <rPh sb="3" eb="5">
      <t>ヒラタ</t>
    </rPh>
    <rPh sb="5" eb="6">
      <t>マチ</t>
    </rPh>
    <phoneticPr fontId="1"/>
  </si>
  <si>
    <t>出雲市多伎町小田７３－１</t>
    <rPh sb="0" eb="3">
      <t>イズモシ</t>
    </rPh>
    <rPh sb="3" eb="5">
      <t>タキ</t>
    </rPh>
    <rPh sb="5" eb="6">
      <t>マチ</t>
    </rPh>
    <rPh sb="6" eb="8">
      <t>オダ</t>
    </rPh>
    <phoneticPr fontId="1"/>
  </si>
  <si>
    <t>出雲市大社町杵築南１３３８－９</t>
    <rPh sb="0" eb="3">
      <t>イズモシ</t>
    </rPh>
    <rPh sb="3" eb="5">
      <t>タイシャ</t>
    </rPh>
    <rPh sb="5" eb="6">
      <t>マチ</t>
    </rPh>
    <rPh sb="6" eb="7">
      <t>キネ</t>
    </rPh>
    <rPh sb="7" eb="8">
      <t>キズ</t>
    </rPh>
    <rPh sb="8" eb="9">
      <t>ミナミ</t>
    </rPh>
    <phoneticPr fontId="1"/>
  </si>
  <si>
    <t>出雲市湖陵町二部１３２０</t>
    <rPh sb="0" eb="2">
      <t>イズモ</t>
    </rPh>
    <rPh sb="2" eb="3">
      <t>シ</t>
    </rPh>
    <rPh sb="3" eb="5">
      <t>コリョウ</t>
    </rPh>
    <rPh sb="5" eb="6">
      <t>マチ</t>
    </rPh>
    <rPh sb="6" eb="8">
      <t>ニブ</t>
    </rPh>
    <phoneticPr fontId="1"/>
  </si>
  <si>
    <t>大田市大田町大田イ１１３－２</t>
    <rPh sb="0" eb="3">
      <t>オオダシ</t>
    </rPh>
    <rPh sb="3" eb="5">
      <t>オオダ</t>
    </rPh>
    <rPh sb="5" eb="6">
      <t>マチ</t>
    </rPh>
    <rPh sb="6" eb="8">
      <t>オオダ</t>
    </rPh>
    <phoneticPr fontId="1"/>
  </si>
  <si>
    <t>江津市江津町９９５</t>
    <rPh sb="0" eb="2">
      <t>ゴウツ</t>
    </rPh>
    <rPh sb="2" eb="3">
      <t>シ</t>
    </rPh>
    <rPh sb="3" eb="5">
      <t>ゴウツ</t>
    </rPh>
    <rPh sb="5" eb="6">
      <t>マチ</t>
    </rPh>
    <phoneticPr fontId="1"/>
  </si>
  <si>
    <t>益田市常盤町８－６</t>
    <rPh sb="0" eb="2">
      <t>マスダ</t>
    </rPh>
    <rPh sb="2" eb="3">
      <t>シ</t>
    </rPh>
    <rPh sb="3" eb="5">
      <t>トキワ</t>
    </rPh>
    <rPh sb="5" eb="6">
      <t>マチ</t>
    </rPh>
    <phoneticPr fontId="1"/>
  </si>
  <si>
    <t>邑智郡川本町大字川本３３２－１５</t>
    <rPh sb="0" eb="3">
      <t>オオチグン</t>
    </rPh>
    <rPh sb="3" eb="5">
      <t>カワモト</t>
    </rPh>
    <rPh sb="5" eb="6">
      <t>マチ</t>
    </rPh>
    <rPh sb="6" eb="8">
      <t>オオアザ</t>
    </rPh>
    <rPh sb="8" eb="10">
      <t>カワモト</t>
    </rPh>
    <phoneticPr fontId="1"/>
  </si>
  <si>
    <t>邑智郡邑南町下田所１２７－１</t>
    <rPh sb="0" eb="3">
      <t>オオチグン</t>
    </rPh>
    <rPh sb="3" eb="4">
      <t>ムラ</t>
    </rPh>
    <rPh sb="4" eb="5">
      <t>ミナミ</t>
    </rPh>
    <rPh sb="5" eb="6">
      <t>マチ</t>
    </rPh>
    <rPh sb="6" eb="7">
      <t>シタ</t>
    </rPh>
    <rPh sb="7" eb="9">
      <t>タドコロ</t>
    </rPh>
    <phoneticPr fontId="1"/>
  </si>
  <si>
    <t>邑智郡邑南町阿須那１５３－１</t>
    <rPh sb="0" eb="3">
      <t>オオチグン</t>
    </rPh>
    <rPh sb="3" eb="4">
      <t>ムラ</t>
    </rPh>
    <rPh sb="4" eb="5">
      <t>ミナミ</t>
    </rPh>
    <rPh sb="5" eb="6">
      <t>マチ</t>
    </rPh>
    <rPh sb="6" eb="7">
      <t>ア</t>
    </rPh>
    <rPh sb="7" eb="8">
      <t>ス</t>
    </rPh>
    <rPh sb="8" eb="9">
      <t>トモ</t>
    </rPh>
    <phoneticPr fontId="1"/>
  </si>
  <si>
    <t>隠岐の島町図書館</t>
    <rPh sb="0" eb="2">
      <t>オキ</t>
    </rPh>
    <rPh sb="3" eb="4">
      <t>シマ</t>
    </rPh>
    <rPh sb="4" eb="5">
      <t>マチ</t>
    </rPh>
    <rPh sb="5" eb="8">
      <t>トショカン</t>
    </rPh>
    <phoneticPr fontId="1"/>
  </si>
  <si>
    <t>隠岐郡海士町大字海士１４９０</t>
    <rPh sb="0" eb="3">
      <t>オキグン</t>
    </rPh>
    <rPh sb="3" eb="6">
      <t>アマチョウ</t>
    </rPh>
    <rPh sb="6" eb="8">
      <t>オオアザ</t>
    </rPh>
    <rPh sb="8" eb="10">
      <t>アマ</t>
    </rPh>
    <phoneticPr fontId="1"/>
  </si>
  <si>
    <t>吉賀町立図書館</t>
    <rPh sb="0" eb="1">
      <t>キチ</t>
    </rPh>
    <rPh sb="1" eb="2">
      <t>ガ</t>
    </rPh>
    <rPh sb="2" eb="4">
      <t>チョウリツ</t>
    </rPh>
    <rPh sb="4" eb="7">
      <t>トショカン</t>
    </rPh>
    <phoneticPr fontId="1"/>
  </si>
  <si>
    <t>大田市仁摩町仁万５６５－１</t>
    <rPh sb="0" eb="3">
      <t>オオダシ</t>
    </rPh>
    <rPh sb="3" eb="6">
      <t>ニマチョウ</t>
    </rPh>
    <rPh sb="6" eb="8">
      <t>ニマ</t>
    </rPh>
    <phoneticPr fontId="1"/>
  </si>
  <si>
    <t>大田市温泉津町小浜イ４８６</t>
    <rPh sb="0" eb="3">
      <t>オオダシ</t>
    </rPh>
    <rPh sb="3" eb="6">
      <t>ユノツ</t>
    </rPh>
    <rPh sb="6" eb="7">
      <t>チョウ</t>
    </rPh>
    <rPh sb="7" eb="9">
      <t>コハマ</t>
    </rPh>
    <phoneticPr fontId="1"/>
  </si>
  <si>
    <t>浜田市旭町今市６３３－１</t>
    <rPh sb="0" eb="3">
      <t>ハマダシ</t>
    </rPh>
    <rPh sb="3" eb="4">
      <t>アサヒ</t>
    </rPh>
    <rPh sb="4" eb="5">
      <t>マチ</t>
    </rPh>
    <rPh sb="5" eb="7">
      <t>イマイチ</t>
    </rPh>
    <phoneticPr fontId="1"/>
  </si>
  <si>
    <t>浜田市金城町下来原１７１</t>
    <rPh sb="0" eb="3">
      <t>ハマダシ</t>
    </rPh>
    <rPh sb="3" eb="5">
      <t>カナギ</t>
    </rPh>
    <rPh sb="5" eb="6">
      <t>マチ</t>
    </rPh>
    <rPh sb="6" eb="7">
      <t>シタ</t>
    </rPh>
    <rPh sb="7" eb="8">
      <t>ライ</t>
    </rPh>
    <rPh sb="8" eb="9">
      <t>ハラ</t>
    </rPh>
    <phoneticPr fontId="1"/>
  </si>
  <si>
    <t>鹿足郡吉賀町六日市６４８</t>
    <rPh sb="0" eb="3">
      <t>カノアシグン</t>
    </rPh>
    <rPh sb="3" eb="4">
      <t>キチ</t>
    </rPh>
    <rPh sb="4" eb="5">
      <t>ガ</t>
    </rPh>
    <rPh sb="5" eb="6">
      <t>チョウ</t>
    </rPh>
    <rPh sb="6" eb="8">
      <t>ムイカ</t>
    </rPh>
    <rPh sb="8" eb="9">
      <t>シ</t>
    </rPh>
    <phoneticPr fontId="1"/>
  </si>
  <si>
    <t>鹿足郡津和野町日原２２－１</t>
    <rPh sb="0" eb="3">
      <t>カノアシグン</t>
    </rPh>
    <rPh sb="3" eb="6">
      <t>ツワノ</t>
    </rPh>
    <rPh sb="6" eb="7">
      <t>チョウ</t>
    </rPh>
    <rPh sb="7" eb="8">
      <t>ヒ</t>
    </rPh>
    <rPh sb="8" eb="9">
      <t>ハラ</t>
    </rPh>
    <phoneticPr fontId="1"/>
  </si>
  <si>
    <t>鹿足郡津和野町森村イ２４１－１</t>
    <rPh sb="0" eb="3">
      <t>カノアシグン</t>
    </rPh>
    <rPh sb="3" eb="7">
      <t>ツワノチョウ</t>
    </rPh>
    <rPh sb="7" eb="9">
      <t>モリムラ</t>
    </rPh>
    <phoneticPr fontId="1"/>
  </si>
  <si>
    <t>雲南市加茂町加茂中９７２－５</t>
    <rPh sb="0" eb="1">
      <t>クモ</t>
    </rPh>
    <rPh sb="1" eb="2">
      <t>ミナミ</t>
    </rPh>
    <rPh sb="2" eb="3">
      <t>シ</t>
    </rPh>
    <rPh sb="3" eb="5">
      <t>カモ</t>
    </rPh>
    <rPh sb="5" eb="6">
      <t>チョウ</t>
    </rPh>
    <rPh sb="6" eb="8">
      <t>カモ</t>
    </rPh>
    <rPh sb="8" eb="9">
      <t>ナカ</t>
    </rPh>
    <phoneticPr fontId="1"/>
  </si>
  <si>
    <t>松江市西津田６－５－４４</t>
    <rPh sb="0" eb="3">
      <t>マツエシ</t>
    </rPh>
    <rPh sb="3" eb="4">
      <t>ニシ</t>
    </rPh>
    <rPh sb="4" eb="6">
      <t>ツダ</t>
    </rPh>
    <phoneticPr fontId="1"/>
  </si>
  <si>
    <t>邑智郡邑南町矢上３８３５－４</t>
    <rPh sb="0" eb="3">
      <t>オオチグン</t>
    </rPh>
    <rPh sb="3" eb="4">
      <t>ムラ</t>
    </rPh>
    <rPh sb="4" eb="5">
      <t>ミナミ</t>
    </rPh>
    <rPh sb="5" eb="6">
      <t>マチ</t>
    </rPh>
    <rPh sb="6" eb="8">
      <t>ヤガミ</t>
    </rPh>
    <phoneticPr fontId="1"/>
  </si>
  <si>
    <t>松江市島根町加賀１４１４</t>
    <rPh sb="0" eb="3">
      <t>マツエシ</t>
    </rPh>
    <rPh sb="3" eb="5">
      <t>シマネ</t>
    </rPh>
    <rPh sb="5" eb="6">
      <t>チョウ</t>
    </rPh>
    <rPh sb="6" eb="8">
      <t>カガ</t>
    </rPh>
    <phoneticPr fontId="1"/>
  </si>
  <si>
    <t>０８５１４－２－１２２１</t>
    <phoneticPr fontId="1"/>
  </si>
  <si>
    <t>０８５２－２２－５７２５</t>
    <phoneticPr fontId="1"/>
  </si>
  <si>
    <t>０８５５－２３－６７８５</t>
    <phoneticPr fontId="1"/>
  </si>
  <si>
    <t>０８５４－２２－２５７４</t>
    <phoneticPr fontId="1"/>
  </si>
  <si>
    <t>０８５２－２７－３２２０</t>
    <phoneticPr fontId="1"/>
  </si>
  <si>
    <t>０８５２－８５－９０８８</t>
    <phoneticPr fontId="1"/>
  </si>
  <si>
    <t>０８５４－４２－１０２１</t>
    <phoneticPr fontId="1"/>
  </si>
  <si>
    <t>０８５４－４３－６１３１</t>
    <phoneticPr fontId="1"/>
  </si>
  <si>
    <t>０８５４－４９－８７３９</t>
    <phoneticPr fontId="1"/>
  </si>
  <si>
    <t>０８５３－２１－０４８７</t>
    <phoneticPr fontId="1"/>
  </si>
  <si>
    <t>０８５３－６３－４０１０</t>
    <phoneticPr fontId="1"/>
  </si>
  <si>
    <t>０８５３－８４－９０５０</t>
    <phoneticPr fontId="1"/>
  </si>
  <si>
    <t>０８５３－８６－７０７７</t>
    <phoneticPr fontId="1"/>
  </si>
  <si>
    <t>０８５３－４３－３３０９</t>
    <phoneticPr fontId="1"/>
  </si>
  <si>
    <t>０８５３－５３－６５１０</t>
    <phoneticPr fontId="1"/>
  </si>
  <si>
    <t>０８５４－８４－９２００</t>
    <phoneticPr fontId="1"/>
  </si>
  <si>
    <t>０８５４－８８－４６４６</t>
    <phoneticPr fontId="1"/>
  </si>
  <si>
    <t>０８５５－６５－２１７７</t>
    <phoneticPr fontId="1"/>
  </si>
  <si>
    <t>０８５５－５２－０５５１</t>
    <phoneticPr fontId="1"/>
  </si>
  <si>
    <t>０８５５－９２－０３００</t>
    <phoneticPr fontId="1"/>
  </si>
  <si>
    <t>０８５５－２２－０４８０</t>
    <phoneticPr fontId="1"/>
  </si>
  <si>
    <t>０８５５－４２－１８２３</t>
    <phoneticPr fontId="1"/>
  </si>
  <si>
    <t>０８５６－２２－４２２２</t>
    <phoneticPr fontId="1"/>
  </si>
  <si>
    <t>０８５２－５２－３２９７</t>
    <phoneticPr fontId="1"/>
  </si>
  <si>
    <t>０８５３－７３－３９９０</t>
    <phoneticPr fontId="1"/>
  </si>
  <si>
    <t>０８５５－７２－００２５</t>
    <phoneticPr fontId="1"/>
  </si>
  <si>
    <t>０８５５－８３－１７６０</t>
    <phoneticPr fontId="1"/>
  </si>
  <si>
    <t>０８５５－９５－１０４４</t>
    <phoneticPr fontId="1"/>
  </si>
  <si>
    <t>０８５５－８８－０００１</t>
    <phoneticPr fontId="1"/>
  </si>
  <si>
    <t>０８５６－７２－０１５５</t>
    <phoneticPr fontId="1"/>
  </si>
  <si>
    <t>０８５６－７４－０３０２</t>
    <phoneticPr fontId="1"/>
  </si>
  <si>
    <t>０８５６－７７－１８５０</t>
    <phoneticPr fontId="1"/>
  </si>
  <si>
    <t>０８５１２－２－２３４１</t>
    <phoneticPr fontId="1"/>
  </si>
  <si>
    <t>０８５６－５２－２４８１</t>
    <phoneticPr fontId="1"/>
  </si>
  <si>
    <t>雲南市大東町大東１０３８</t>
    <rPh sb="0" eb="2">
      <t>ウンナン</t>
    </rPh>
    <rPh sb="2" eb="3">
      <t>シ</t>
    </rPh>
    <rPh sb="3" eb="6">
      <t>ダイトウチョウ</t>
    </rPh>
    <rPh sb="6" eb="8">
      <t>ダイトウ</t>
    </rPh>
    <phoneticPr fontId="1"/>
  </si>
  <si>
    <t>海士町中央図書館</t>
    <rPh sb="0" eb="3">
      <t>アマチョウ</t>
    </rPh>
    <rPh sb="3" eb="5">
      <t>チュウオウ</t>
    </rPh>
    <rPh sb="5" eb="8">
      <t>トショカン</t>
    </rPh>
    <phoneticPr fontId="1"/>
  </si>
  <si>
    <t>松江市東出雲町揖屋１１３９－２</t>
    <rPh sb="0" eb="3">
      <t>マツエシ</t>
    </rPh>
    <rPh sb="3" eb="6">
      <t>ヒガシイズモ</t>
    </rPh>
    <rPh sb="6" eb="7">
      <t>マチ</t>
    </rPh>
    <rPh sb="7" eb="9">
      <t>イヤ</t>
    </rPh>
    <phoneticPr fontId="1"/>
  </si>
  <si>
    <t>FAX</t>
    <phoneticPr fontId="1"/>
  </si>
  <si>
    <t>松江市立中央図書館</t>
    <rPh sb="0" eb="2">
      <t>マツエ</t>
    </rPh>
    <rPh sb="2" eb="3">
      <t>シ</t>
    </rPh>
    <rPh sb="3" eb="4">
      <t>リツ</t>
    </rPh>
    <rPh sb="4" eb="6">
      <t>チュウオウ</t>
    </rPh>
    <rPh sb="6" eb="9">
      <t>トショカン</t>
    </rPh>
    <phoneticPr fontId="1"/>
  </si>
  <si>
    <t>松江市立島根図書館</t>
    <rPh sb="0" eb="2">
      <t>マツエ</t>
    </rPh>
    <rPh sb="2" eb="3">
      <t>シ</t>
    </rPh>
    <rPh sb="3" eb="4">
      <t>リツ</t>
    </rPh>
    <rPh sb="4" eb="6">
      <t>シマネ</t>
    </rPh>
    <rPh sb="6" eb="9">
      <t>トショカン</t>
    </rPh>
    <phoneticPr fontId="1"/>
  </si>
  <si>
    <t>松江市立東出雲図書館</t>
    <rPh sb="0" eb="3">
      <t>マツエシ</t>
    </rPh>
    <rPh sb="3" eb="4">
      <t>リツ</t>
    </rPh>
    <rPh sb="4" eb="5">
      <t>ヒガシ</t>
    </rPh>
    <rPh sb="5" eb="7">
      <t>イズモ</t>
    </rPh>
    <rPh sb="7" eb="10">
      <t>トショカン</t>
    </rPh>
    <phoneticPr fontId="1"/>
  </si>
  <si>
    <t>雲南市立木次図書館</t>
    <rPh sb="0" eb="2">
      <t>ウンナン</t>
    </rPh>
    <rPh sb="2" eb="4">
      <t>シリツ</t>
    </rPh>
    <rPh sb="4" eb="6">
      <t>キスキ</t>
    </rPh>
    <rPh sb="6" eb="9">
      <t>トショカン</t>
    </rPh>
    <phoneticPr fontId="1"/>
  </si>
  <si>
    <t>雲南市立大東図書館</t>
    <rPh sb="0" eb="2">
      <t>ウンナン</t>
    </rPh>
    <rPh sb="2" eb="4">
      <t>シリツ</t>
    </rPh>
    <rPh sb="4" eb="6">
      <t>ダイトウ</t>
    </rPh>
    <rPh sb="6" eb="9">
      <t>トショカン</t>
    </rPh>
    <phoneticPr fontId="1"/>
  </si>
  <si>
    <t>雲南市立加茂図書館</t>
    <rPh sb="0" eb="2">
      <t>ウンナン</t>
    </rPh>
    <rPh sb="2" eb="4">
      <t>シリツ</t>
    </rPh>
    <rPh sb="4" eb="6">
      <t>カモ</t>
    </rPh>
    <rPh sb="6" eb="9">
      <t>トショカン</t>
    </rPh>
    <phoneticPr fontId="1"/>
  </si>
  <si>
    <t>出雲市立出雲中央図書館</t>
    <rPh sb="0" eb="3">
      <t>イズモシ</t>
    </rPh>
    <rPh sb="3" eb="4">
      <t>リツ</t>
    </rPh>
    <rPh sb="4" eb="6">
      <t>イズモ</t>
    </rPh>
    <rPh sb="6" eb="8">
      <t>チュウオウ</t>
    </rPh>
    <rPh sb="8" eb="11">
      <t>トショカン</t>
    </rPh>
    <phoneticPr fontId="1"/>
  </si>
  <si>
    <t>出雲市立平田図書館</t>
    <rPh sb="0" eb="2">
      <t>イズモ</t>
    </rPh>
    <rPh sb="2" eb="4">
      <t>シリツ</t>
    </rPh>
    <rPh sb="4" eb="6">
      <t>ヒラタ</t>
    </rPh>
    <rPh sb="6" eb="9">
      <t>トショカン</t>
    </rPh>
    <phoneticPr fontId="1"/>
  </si>
  <si>
    <t>出雲市立佐田図書館</t>
    <rPh sb="0" eb="2">
      <t>イズモ</t>
    </rPh>
    <rPh sb="2" eb="4">
      <t>シリツ</t>
    </rPh>
    <rPh sb="4" eb="6">
      <t>サダ</t>
    </rPh>
    <rPh sb="6" eb="9">
      <t>トショカン</t>
    </rPh>
    <phoneticPr fontId="1"/>
  </si>
  <si>
    <t>出雲市立海辺の多伎図書館</t>
    <rPh sb="0" eb="2">
      <t>イズモ</t>
    </rPh>
    <rPh sb="2" eb="4">
      <t>シリツ</t>
    </rPh>
    <rPh sb="4" eb="6">
      <t>ウミベ</t>
    </rPh>
    <rPh sb="7" eb="9">
      <t>タキ</t>
    </rPh>
    <rPh sb="9" eb="12">
      <t>トショカン</t>
    </rPh>
    <phoneticPr fontId="1"/>
  </si>
  <si>
    <t>出雲市立湖陵図書館</t>
    <rPh sb="0" eb="2">
      <t>イズモ</t>
    </rPh>
    <rPh sb="2" eb="4">
      <t>シリツ</t>
    </rPh>
    <rPh sb="4" eb="6">
      <t>コリョウ</t>
    </rPh>
    <rPh sb="6" eb="9">
      <t>トショカン</t>
    </rPh>
    <phoneticPr fontId="1"/>
  </si>
  <si>
    <t>出雲市立大社図書館</t>
    <rPh sb="0" eb="2">
      <t>イズモ</t>
    </rPh>
    <rPh sb="2" eb="4">
      <t>シリツ</t>
    </rPh>
    <rPh sb="4" eb="6">
      <t>タイシャ</t>
    </rPh>
    <rPh sb="6" eb="9">
      <t>トショカン</t>
    </rPh>
    <phoneticPr fontId="1"/>
  </si>
  <si>
    <t>出雲市立ひかわ図書館</t>
    <rPh sb="0" eb="2">
      <t>イズモ</t>
    </rPh>
    <rPh sb="2" eb="4">
      <t>シリツ</t>
    </rPh>
    <rPh sb="7" eb="10">
      <t>トショカン</t>
    </rPh>
    <phoneticPr fontId="1"/>
  </si>
  <si>
    <t>大田市立大田市中央図書館</t>
    <rPh sb="0" eb="2">
      <t>オオダ</t>
    </rPh>
    <rPh sb="2" eb="4">
      <t>シリツ</t>
    </rPh>
    <rPh sb="4" eb="7">
      <t>オオダシ</t>
    </rPh>
    <rPh sb="7" eb="9">
      <t>チュウオウ</t>
    </rPh>
    <rPh sb="9" eb="12">
      <t>トショカン</t>
    </rPh>
    <phoneticPr fontId="1"/>
  </si>
  <si>
    <t>大田市立仁摩図書館</t>
    <rPh sb="0" eb="2">
      <t>オオダ</t>
    </rPh>
    <rPh sb="2" eb="4">
      <t>シリツ</t>
    </rPh>
    <rPh sb="4" eb="5">
      <t>ニ</t>
    </rPh>
    <rPh sb="5" eb="6">
      <t>マ</t>
    </rPh>
    <rPh sb="6" eb="9">
      <t>トショカン</t>
    </rPh>
    <phoneticPr fontId="1"/>
  </si>
  <si>
    <t>大田市立温泉津図書館</t>
    <rPh sb="0" eb="2">
      <t>オオダ</t>
    </rPh>
    <rPh sb="2" eb="4">
      <t>シリツ</t>
    </rPh>
    <rPh sb="4" eb="7">
      <t>ユノツ</t>
    </rPh>
    <rPh sb="7" eb="9">
      <t>トショ</t>
    </rPh>
    <rPh sb="9" eb="10">
      <t>カン</t>
    </rPh>
    <phoneticPr fontId="1"/>
  </si>
  <si>
    <t>江津市図書館桜江分館</t>
    <rPh sb="0" eb="2">
      <t>ゴウツ</t>
    </rPh>
    <rPh sb="2" eb="3">
      <t>シ</t>
    </rPh>
    <rPh sb="3" eb="6">
      <t>トショカン</t>
    </rPh>
    <rPh sb="6" eb="8">
      <t>サクラエ</t>
    </rPh>
    <rPh sb="8" eb="10">
      <t>ブンカン</t>
    </rPh>
    <phoneticPr fontId="1"/>
  </si>
  <si>
    <t>浜田市立金城図書館</t>
    <rPh sb="0" eb="2">
      <t>ハマダ</t>
    </rPh>
    <rPh sb="2" eb="4">
      <t>シリツ</t>
    </rPh>
    <rPh sb="4" eb="6">
      <t>カナギ</t>
    </rPh>
    <rPh sb="6" eb="9">
      <t>トショカン</t>
    </rPh>
    <phoneticPr fontId="1"/>
  </si>
  <si>
    <t>浜田市立旭図書館</t>
    <rPh sb="0" eb="2">
      <t>ハマダ</t>
    </rPh>
    <rPh sb="2" eb="4">
      <t>シリツ</t>
    </rPh>
    <rPh sb="4" eb="5">
      <t>アサヒ</t>
    </rPh>
    <rPh sb="5" eb="8">
      <t>トショカン</t>
    </rPh>
    <phoneticPr fontId="1"/>
  </si>
  <si>
    <t>益田市立美都図書館</t>
    <rPh sb="0" eb="2">
      <t>マスダ</t>
    </rPh>
    <rPh sb="2" eb="3">
      <t>シ</t>
    </rPh>
    <rPh sb="3" eb="4">
      <t>タテ</t>
    </rPh>
    <rPh sb="4" eb="6">
      <t>ミト</t>
    </rPh>
    <rPh sb="6" eb="9">
      <t>トショカン</t>
    </rPh>
    <phoneticPr fontId="1"/>
  </si>
  <si>
    <t>邑南町立図書館石見分館</t>
    <rPh sb="0" eb="1">
      <t>ムラ</t>
    </rPh>
    <rPh sb="1" eb="3">
      <t>ミナミマチ</t>
    </rPh>
    <rPh sb="3" eb="4">
      <t>リツ</t>
    </rPh>
    <rPh sb="4" eb="7">
      <t>トショカン</t>
    </rPh>
    <rPh sb="7" eb="9">
      <t>イワミ</t>
    </rPh>
    <rPh sb="9" eb="11">
      <t>ブンカン</t>
    </rPh>
    <phoneticPr fontId="1"/>
  </si>
  <si>
    <t>邑南町立図書館羽須美分館</t>
    <rPh sb="0" eb="1">
      <t>ムラ</t>
    </rPh>
    <rPh sb="1" eb="3">
      <t>ミナミマチ</t>
    </rPh>
    <rPh sb="3" eb="4">
      <t>リツ</t>
    </rPh>
    <rPh sb="4" eb="7">
      <t>トショカン</t>
    </rPh>
    <rPh sb="7" eb="10">
      <t>ハスミ</t>
    </rPh>
    <rPh sb="10" eb="12">
      <t>ブンカン</t>
    </rPh>
    <phoneticPr fontId="1"/>
  </si>
  <si>
    <t>津和野町立津和野図書館</t>
    <rPh sb="0" eb="3">
      <t>ツワノ</t>
    </rPh>
    <rPh sb="3" eb="4">
      <t>チョウ</t>
    </rPh>
    <rPh sb="4" eb="5">
      <t>リツ</t>
    </rPh>
    <rPh sb="5" eb="8">
      <t>ツワノ</t>
    </rPh>
    <rPh sb="8" eb="11">
      <t>トショカン</t>
    </rPh>
    <phoneticPr fontId="1"/>
  </si>
  <si>
    <t>津和野町立日原図書館</t>
    <rPh sb="0" eb="3">
      <t>ツワノ</t>
    </rPh>
    <rPh sb="3" eb="5">
      <t>チョウリツ</t>
    </rPh>
    <rPh sb="5" eb="7">
      <t>ニチハラ</t>
    </rPh>
    <rPh sb="7" eb="10">
      <t>トショカン</t>
    </rPh>
    <phoneticPr fontId="1"/>
  </si>
  <si>
    <t>出雲市斐川町直江４１５６</t>
    <rPh sb="0" eb="3">
      <t>イズモシ</t>
    </rPh>
    <rPh sb="3" eb="6">
      <t>ヒカワチョウ</t>
    </rPh>
    <rPh sb="6" eb="8">
      <t>ナオエ</t>
    </rPh>
    <phoneticPr fontId="1"/>
  </si>
  <si>
    <t>０８５４－７２－０３０１</t>
    <phoneticPr fontId="1"/>
  </si>
  <si>
    <t>０８５２－２２－５７２８</t>
    <phoneticPr fontId="1"/>
  </si>
  <si>
    <t>０８５５－２２－４２２５</t>
    <phoneticPr fontId="1"/>
  </si>
  <si>
    <t>０８５２－２７－３２７０</t>
    <phoneticPr fontId="1"/>
  </si>
  <si>
    <t>０８５２－８５－９０８９</t>
    <phoneticPr fontId="1"/>
  </si>
  <si>
    <t>０８５２－５２－９５１６</t>
    <phoneticPr fontId="1"/>
  </si>
  <si>
    <t>０８５４－４２－２２７４</t>
    <phoneticPr fontId="1"/>
  </si>
  <si>
    <t>０８５４－４３－６１３１</t>
    <phoneticPr fontId="1"/>
  </si>
  <si>
    <t>０８５４－４９－８６９６</t>
    <phoneticPr fontId="1"/>
  </si>
  <si>
    <t>０８５３－２１－８８３３</t>
    <phoneticPr fontId="1"/>
  </si>
  <si>
    <t>０８５３－６３－４２１９</t>
    <phoneticPr fontId="1"/>
  </si>
  <si>
    <t>０８５３－８４－９０５０</t>
    <phoneticPr fontId="1"/>
  </si>
  <si>
    <t>０８５３－８６－２２１１</t>
    <phoneticPr fontId="1"/>
  </si>
  <si>
    <t>０８５３－４３－７３０３</t>
    <phoneticPr fontId="1"/>
  </si>
  <si>
    <t>０８５３－５３－１１２２</t>
    <phoneticPr fontId="1"/>
  </si>
  <si>
    <t>０８５３－７２－７６００</t>
    <phoneticPr fontId="1"/>
  </si>
  <si>
    <t>０８５４－８４－９２０２</t>
    <phoneticPr fontId="1"/>
  </si>
  <si>
    <t>０８５４－８８－４６４７</t>
    <phoneticPr fontId="1"/>
  </si>
  <si>
    <t>０８５５－５２－０５５１</t>
    <phoneticPr fontId="1"/>
  </si>
  <si>
    <t>０８５５－９２－０３００</t>
    <phoneticPr fontId="1"/>
  </si>
  <si>
    <t>０８５６－３１－０２９０</t>
    <phoneticPr fontId="1"/>
  </si>
  <si>
    <t>０８５５－７２－１０６１</t>
    <phoneticPr fontId="1"/>
  </si>
  <si>
    <t>０８５５－８３－１７７１</t>
    <phoneticPr fontId="1"/>
  </si>
  <si>
    <t>０８５５－９５－１６７０</t>
    <phoneticPr fontId="1"/>
  </si>
  <si>
    <t>０８５５－８８－０００２</t>
    <phoneticPr fontId="1"/>
  </si>
  <si>
    <t>０８５６－７２－０２３０</t>
    <phoneticPr fontId="1"/>
  </si>
  <si>
    <t>０８５６－７４－０１２７</t>
    <phoneticPr fontId="1"/>
  </si>
  <si>
    <t>０８５６－７７－１８５０</t>
    <phoneticPr fontId="1"/>
  </si>
  <si>
    <t>０８５１４－２－１６３３</t>
    <phoneticPr fontId="1"/>
  </si>
  <si>
    <t>０８５１２－２－９１９８</t>
    <phoneticPr fontId="1"/>
  </si>
  <si>
    <t>浜田市立中央図書館</t>
    <rPh sb="0" eb="3">
      <t>ハマダシ</t>
    </rPh>
    <rPh sb="3" eb="4">
      <t>タテ</t>
    </rPh>
    <rPh sb="4" eb="6">
      <t>チュウオウ</t>
    </rPh>
    <rPh sb="6" eb="9">
      <t>トショカン</t>
    </rPh>
    <phoneticPr fontId="1"/>
  </si>
  <si>
    <t>浜田市黒川町３７４８－１</t>
    <rPh sb="0" eb="2">
      <t>ハマダ</t>
    </rPh>
    <rPh sb="2" eb="3">
      <t>シ</t>
    </rPh>
    <rPh sb="3" eb="5">
      <t>クロカワ</t>
    </rPh>
    <rPh sb="5" eb="6">
      <t>チョウ</t>
    </rPh>
    <phoneticPr fontId="1"/>
  </si>
  <si>
    <t>浜田市立三隅図書館</t>
    <rPh sb="0" eb="2">
      <t>ハマダ</t>
    </rPh>
    <rPh sb="2" eb="4">
      <t>シリツ</t>
    </rPh>
    <rPh sb="4" eb="6">
      <t>ミスミ</t>
    </rPh>
    <rPh sb="6" eb="9">
      <t>トショカン</t>
    </rPh>
    <phoneticPr fontId="1"/>
  </si>
  <si>
    <t>浜田市立弥栄図書館</t>
    <rPh sb="0" eb="2">
      <t>ハマダ</t>
    </rPh>
    <rPh sb="2" eb="4">
      <t>シリツ</t>
    </rPh>
    <rPh sb="4" eb="6">
      <t>ヤエイ</t>
    </rPh>
    <rPh sb="6" eb="9">
      <t>トショカン</t>
    </rPh>
    <phoneticPr fontId="1"/>
  </si>
  <si>
    <t>浜田市三隅町古市場２００２</t>
    <rPh sb="0" eb="3">
      <t>ハマダシ</t>
    </rPh>
    <rPh sb="3" eb="6">
      <t>ミスミチョウ</t>
    </rPh>
    <rPh sb="6" eb="7">
      <t>フル</t>
    </rPh>
    <rPh sb="7" eb="9">
      <t>イチバ</t>
    </rPh>
    <phoneticPr fontId="1"/>
  </si>
  <si>
    <t>浜田市弥栄町木都賀イ５２８－１</t>
    <rPh sb="0" eb="3">
      <t>ハマダシ</t>
    </rPh>
    <rPh sb="3" eb="6">
      <t>ヤサカエチョウ</t>
    </rPh>
    <rPh sb="6" eb="9">
      <t>キツカ</t>
    </rPh>
    <phoneticPr fontId="1"/>
  </si>
  <si>
    <t>０８５５－３２－０３３８</t>
    <phoneticPr fontId="1"/>
  </si>
  <si>
    <t>０８５５－４８－２２５８</t>
    <phoneticPr fontId="1"/>
  </si>
  <si>
    <t>０８５５－２２－０５９２</t>
    <phoneticPr fontId="1"/>
  </si>
  <si>
    <t>０８５５－３２－０３４３</t>
    <phoneticPr fontId="1"/>
  </si>
  <si>
    <t>０８５５－４５－１４３９</t>
    <phoneticPr fontId="1"/>
  </si>
  <si>
    <t>美郷町立図書館</t>
    <rPh sb="0" eb="2">
      <t>ミサト</t>
    </rPh>
    <rPh sb="2" eb="4">
      <t>チョウリツ</t>
    </rPh>
    <rPh sb="4" eb="7">
      <t>トショカン</t>
    </rPh>
    <phoneticPr fontId="1"/>
  </si>
  <si>
    <t>邑智郡美郷町粕渕１６８</t>
  </si>
  <si>
    <t>０８５５－７５－１２７０</t>
    <phoneticPr fontId="1"/>
  </si>
  <si>
    <t>０８５５－７５－１１９０</t>
    <phoneticPr fontId="1"/>
  </si>
  <si>
    <t>出雲市佐田町反辺１７４７－６</t>
    <rPh sb="0" eb="3">
      <t>イズモシ</t>
    </rPh>
    <rPh sb="3" eb="5">
      <t>サダ</t>
    </rPh>
    <rPh sb="5" eb="6">
      <t>マチ</t>
    </rPh>
    <rPh sb="6" eb="7">
      <t>ハン</t>
    </rPh>
    <rPh sb="7" eb="8">
      <t>ヘン</t>
    </rPh>
    <phoneticPr fontId="1"/>
  </si>
  <si>
    <t>益田市美都町都茂１６９２－甲</t>
    <rPh sb="0" eb="2">
      <t>マスダ</t>
    </rPh>
    <rPh sb="2" eb="3">
      <t>シ</t>
    </rPh>
    <rPh sb="3" eb="5">
      <t>ミト</t>
    </rPh>
    <rPh sb="5" eb="6">
      <t>マチ</t>
    </rPh>
    <rPh sb="6" eb="7">
      <t>ト</t>
    </rPh>
    <rPh sb="7" eb="8">
      <t>モ</t>
    </rPh>
    <rPh sb="13" eb="14">
      <t>コウ</t>
    </rPh>
    <phoneticPr fontId="1"/>
  </si>
  <si>
    <t>隠岐郡隠岐の島町西町吉田の二 １７－１</t>
    <rPh sb="0" eb="2">
      <t>オキ</t>
    </rPh>
    <rPh sb="2" eb="3">
      <t>グン</t>
    </rPh>
    <rPh sb="3" eb="5">
      <t>オキ</t>
    </rPh>
    <rPh sb="6" eb="7">
      <t>シマ</t>
    </rPh>
    <rPh sb="7" eb="8">
      <t>チョウ</t>
    </rPh>
    <rPh sb="8" eb="9">
      <t>ニシ</t>
    </rPh>
    <rPh sb="9" eb="10">
      <t>マチ</t>
    </rPh>
    <rPh sb="10" eb="12">
      <t>ヨシダ</t>
    </rPh>
    <rPh sb="13" eb="14">
      <t>ニ</t>
    </rPh>
    <phoneticPr fontId="1"/>
  </si>
  <si>
    <t>０８５５－４２－１６８５</t>
    <phoneticPr fontId="1"/>
  </si>
  <si>
    <t>江津市桜江町川戸１１－１</t>
    <rPh sb="0" eb="2">
      <t>ゴウツ</t>
    </rPh>
    <rPh sb="2" eb="3">
      <t>シ</t>
    </rPh>
    <rPh sb="3" eb="5">
      <t>サクラエ</t>
    </rPh>
    <rPh sb="5" eb="6">
      <t>マチ</t>
    </rPh>
    <rPh sb="6" eb="8">
      <t>カワド</t>
    </rPh>
    <phoneticPr fontId="1"/>
  </si>
  <si>
    <t>飯石郡飯南町頓原２２１２－３</t>
    <rPh sb="0" eb="3">
      <t>イイシグン</t>
    </rPh>
    <rPh sb="3" eb="4">
      <t>メシ</t>
    </rPh>
    <rPh sb="4" eb="5">
      <t>ミナミ</t>
    </rPh>
    <rPh sb="5" eb="6">
      <t>マチ</t>
    </rPh>
    <rPh sb="6" eb="8">
      <t>トンバラ</t>
    </rPh>
    <phoneticPr fontId="1"/>
  </si>
  <si>
    <t>０８５４－７２－０９９０</t>
    <phoneticPr fontId="1"/>
  </si>
  <si>
    <t>西ノ島コミュニティ図書館</t>
    <rPh sb="0" eb="1">
      <t>ニシ</t>
    </rPh>
    <rPh sb="2" eb="3">
      <t>シマ</t>
    </rPh>
    <rPh sb="9" eb="12">
      <t>トショカン</t>
    </rPh>
    <phoneticPr fontId="1"/>
  </si>
  <si>
    <t>隠岐郡西ノ島町浦郷６７－８</t>
    <rPh sb="0" eb="3">
      <t>オキグン</t>
    </rPh>
    <rPh sb="3" eb="4">
      <t>ニシ</t>
    </rPh>
    <rPh sb="5" eb="7">
      <t>シマチョウ</t>
    </rPh>
    <rPh sb="7" eb="9">
      <t>ウラゴウ</t>
    </rPh>
    <phoneticPr fontId="1"/>
  </si>
  <si>
    <t>０８５１４－２－２４２２</t>
    <phoneticPr fontId="1"/>
  </si>
  <si>
    <t>０８５１４－２－２４２３</t>
    <phoneticPr fontId="1"/>
  </si>
  <si>
    <t>住所</t>
    <rPh sb="0" eb="2">
      <t>ジュウショ</t>
    </rPh>
    <phoneticPr fontId="1"/>
  </si>
  <si>
    <t>郵便番号</t>
    <rPh sb="0" eb="4">
      <t>ユウビンバンゴウ</t>
    </rPh>
    <phoneticPr fontId="1"/>
  </si>
  <si>
    <t>６９０－０８７３</t>
  </si>
  <si>
    <t>６９７－００２３</t>
  </si>
  <si>
    <t>６９２－００１１</t>
  </si>
  <si>
    <t>６９０－００１７</t>
  </si>
  <si>
    <t>６９０－０４０１</t>
  </si>
  <si>
    <t>６９９－０１０１</t>
  </si>
  <si>
    <t>６９９－１３３２</t>
  </si>
  <si>
    <t>６９９－１２５１</t>
  </si>
  <si>
    <t>６９９－１１０６</t>
  </si>
  <si>
    <t>６９３－００１１</t>
  </si>
  <si>
    <t>６９１－０００１</t>
  </si>
  <si>
    <t>６９３－０５０６</t>
  </si>
  <si>
    <t>６９９－０９０３</t>
  </si>
  <si>
    <t>６９９－０８１２</t>
  </si>
  <si>
    <t>６９９－０７１１</t>
  </si>
  <si>
    <t>６９９－０６３１</t>
  </si>
  <si>
    <t>６９４－００６４</t>
  </si>
  <si>
    <t>６９９－２３０１</t>
  </si>
  <si>
    <t>６９９－２５１１</t>
  </si>
  <si>
    <t>６９５－００１１</t>
  </si>
  <si>
    <t>６９９－４２２６</t>
  </si>
  <si>
    <t>６９７－００２４</t>
  </si>
  <si>
    <t>６９７－０１２１</t>
  </si>
  <si>
    <t>６９７－０４２５</t>
  </si>
  <si>
    <t>６９７－１１２２</t>
  </si>
  <si>
    <t>６９９－３２２５</t>
  </si>
  <si>
    <t>６９８－００２３</t>
  </si>
  <si>
    <t>６９８－０２０３</t>
  </si>
  <si>
    <t>６９０－３２０７</t>
  </si>
  <si>
    <t>６９６－０００１</t>
  </si>
  <si>
    <t>６９９－４６２１</t>
  </si>
  <si>
    <t>６９６－０２２２</t>
  </si>
  <si>
    <t>６９６－０１０３</t>
  </si>
  <si>
    <t>６９６－０５０１</t>
  </si>
  <si>
    <t>６９９－５６０４</t>
  </si>
  <si>
    <t>６９９－５２２１</t>
  </si>
  <si>
    <t>６９９－５５１３</t>
  </si>
  <si>
    <t>６８４－０４０３</t>
  </si>
  <si>
    <t>６８４－０２１１</t>
  </si>
  <si>
    <t>６８５－００１４</t>
  </si>
  <si>
    <t>市町村名</t>
    <rPh sb="0" eb="3">
      <t>シチョウソン</t>
    </rPh>
    <rPh sb="3" eb="4">
      <t>メイ</t>
    </rPh>
    <phoneticPr fontId="1"/>
  </si>
  <si>
    <t>島根県立図書館</t>
    <phoneticPr fontId="1"/>
  </si>
  <si>
    <t>松江市</t>
  </si>
  <si>
    <t>松江市</t>
    <rPh sb="0" eb="3">
      <t>マツエシ</t>
    </rPh>
    <phoneticPr fontId="1"/>
  </si>
  <si>
    <t>雲南市</t>
  </si>
  <si>
    <t>出雲市</t>
  </si>
  <si>
    <t>大田市</t>
  </si>
  <si>
    <t>江津市</t>
  </si>
  <si>
    <t>浜田市</t>
  </si>
  <si>
    <t>浜田市</t>
    <rPh sb="0" eb="2">
      <t>ハマダ</t>
    </rPh>
    <rPh sb="2" eb="3">
      <t>シ</t>
    </rPh>
    <phoneticPr fontId="1"/>
  </si>
  <si>
    <t>安来市</t>
    <rPh sb="0" eb="3">
      <t>ヤスギシ</t>
    </rPh>
    <phoneticPr fontId="1"/>
  </si>
  <si>
    <t>益田市</t>
  </si>
  <si>
    <t>飯南町</t>
  </si>
  <si>
    <t>川本町</t>
  </si>
  <si>
    <t>美郷町</t>
  </si>
  <si>
    <t>邑南町</t>
  </si>
  <si>
    <t>津和野町</t>
  </si>
  <si>
    <t>吉賀町</t>
  </si>
  <si>
    <t>海士町</t>
  </si>
  <si>
    <t>隠岐の島町</t>
  </si>
  <si>
    <t>西ノ島町</t>
    <phoneticPr fontId="1"/>
  </si>
  <si>
    <t>緯度</t>
  </si>
  <si>
    <t>経度</t>
  </si>
  <si>
    <t>０８５４－２２－２５９８</t>
    <phoneticPr fontId="1"/>
  </si>
  <si>
    <t>浜田市長沢町１５５０－１</t>
    <rPh sb="0" eb="3">
      <t>ハマダシ</t>
    </rPh>
    <rPh sb="3" eb="5">
      <t>ナガサワ</t>
    </rPh>
    <rPh sb="5" eb="6">
      <t>マチ</t>
    </rPh>
    <phoneticPr fontId="1"/>
  </si>
  <si>
    <t>島根県立図書館西部読書普及センター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_ "/>
  </numFmts>
  <fonts count="2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indexed="65"/>
        <bgColor indexed="64"/>
      </patternFill>
    </fill>
  </fills>
  <borders count="2">
    <border>
      <left/>
      <right/>
      <top/>
      <bottom/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theme="1"/>
      </bottom>
      <diagonal/>
    </border>
  </borders>
  <cellStyleXfs count="1">
    <xf numFmtId="0" fontId="0" fillId="0" borderId="0"/>
  </cellStyleXfs>
  <cellXfs count="17">
    <xf numFmtId="0" fontId="0" fillId="0" borderId="0" xfId="0"/>
    <xf numFmtId="0" fontId="0" fillId="0" borderId="1" xfId="0" applyFont="1" applyBorder="1" applyAlignment="1">
      <alignment horizontal="center" vertical="center"/>
    </xf>
    <xf numFmtId="0" fontId="0" fillId="0" borderId="1" xfId="0" applyFont="1" applyBorder="1" applyAlignment="1">
      <alignment vertical="center"/>
    </xf>
    <xf numFmtId="0" fontId="0" fillId="0" borderId="0" xfId="0" applyFont="1" applyAlignment="1"/>
    <xf numFmtId="0" fontId="0" fillId="0" borderId="0" xfId="0" applyFont="1" applyBorder="1" applyAlignment="1"/>
    <xf numFmtId="0" fontId="0" fillId="2" borderId="1" xfId="0" applyFont="1" applyFill="1" applyBorder="1" applyAlignment="1">
      <alignment vertical="center"/>
    </xf>
    <xf numFmtId="0" fontId="0" fillId="0" borderId="1" xfId="0" applyFont="1" applyFill="1" applyBorder="1" applyAlignment="1">
      <alignment horizontal="left" vertical="center"/>
    </xf>
    <xf numFmtId="176" fontId="0" fillId="3" borderId="1" xfId="0" applyNumberFormat="1" applyFont="1" applyFill="1" applyBorder="1" applyAlignment="1">
      <alignment horizontal="left" vertical="center"/>
    </xf>
    <xf numFmtId="176" fontId="0" fillId="3" borderId="1" xfId="0" applyNumberFormat="1" applyFont="1" applyFill="1" applyBorder="1" applyAlignment="1">
      <alignment horizontal="center" vertical="center"/>
    </xf>
    <xf numFmtId="0" fontId="0" fillId="3" borderId="1" xfId="0" applyNumberFormat="1" applyFont="1" applyFill="1" applyBorder="1" applyAlignment="1">
      <alignment horizontal="center" vertical="center"/>
    </xf>
    <xf numFmtId="176" fontId="0" fillId="2" borderId="1" xfId="0" applyNumberFormat="1" applyFont="1" applyFill="1" applyBorder="1" applyAlignment="1">
      <alignment horizontal="left" vertical="center"/>
    </xf>
    <xf numFmtId="0" fontId="0" fillId="2" borderId="1" xfId="0" applyFont="1" applyFill="1" applyBorder="1" applyAlignment="1">
      <alignment horizontal="left" vertical="center"/>
    </xf>
    <xf numFmtId="0" fontId="0" fillId="2" borderId="1" xfId="0" applyFont="1" applyFill="1" applyBorder="1" applyAlignment="1">
      <alignment horizontal="center" vertical="center"/>
    </xf>
    <xf numFmtId="0" fontId="0" fillId="2" borderId="1" xfId="0" applyNumberFormat="1" applyFont="1" applyFill="1" applyBorder="1" applyAlignment="1">
      <alignment horizontal="center" vertical="center"/>
    </xf>
    <xf numFmtId="0" fontId="0" fillId="0" borderId="1" xfId="0" applyFont="1" applyBorder="1" applyAlignment="1">
      <alignment horizontal="left" vertical="center"/>
    </xf>
    <xf numFmtId="0" fontId="0" fillId="0" borderId="1" xfId="0" applyNumberFormat="1" applyFont="1" applyBorder="1" applyAlignment="1">
      <alignment horizontal="center" vertical="center"/>
    </xf>
    <xf numFmtId="0" fontId="0" fillId="0" borderId="0" xfId="0" applyFont="1" applyBorder="1" applyAlignment="1">
      <alignment horizontal="left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0</xdr:colOff>
      <xdr:row>20</xdr:row>
      <xdr:rowOff>238125</xdr:rowOff>
    </xdr:from>
    <xdr:to>
      <xdr:col>6</xdr:col>
      <xdr:colOff>0</xdr:colOff>
      <xdr:row>22</xdr:row>
      <xdr:rowOff>133350</xdr:rowOff>
    </xdr:to>
    <xdr:sp macro="" textlink="">
      <xdr:nvSpPr>
        <xdr:cNvPr id="2" name="Line 2813" hidden="1"/>
        <xdr:cNvSpPr>
          <a:spLocks noChangeShapeType="1"/>
        </xdr:cNvSpPr>
      </xdr:nvSpPr>
      <xdr:spPr bwMode="auto">
        <a:xfrm flipH="1" flipV="1">
          <a:off x="9163050" y="9267825"/>
          <a:ext cx="1724025" cy="7334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181"/>
  <sheetViews>
    <sheetView tabSelected="1" zoomScaleNormal="100" zoomScaleSheetLayoutView="100" workbookViewId="0"/>
  </sheetViews>
  <sheetFormatPr defaultRowHeight="13.5" x14ac:dyDescent="0.15"/>
  <cols>
    <col min="1" max="1" width="9" style="3"/>
    <col min="2" max="2" width="35" style="16" customWidth="1"/>
    <col min="3" max="3" width="14.375" style="4" bestFit="1" customWidth="1"/>
    <col min="4" max="4" width="33.5" style="4" customWidth="1"/>
    <col min="5" max="5" width="22.875" style="4" customWidth="1"/>
    <col min="6" max="6" width="22.625" style="4" customWidth="1"/>
    <col min="7" max="8" width="13" style="3" customWidth="1"/>
    <col min="9" max="16384" width="9" style="3"/>
  </cols>
  <sheetData>
    <row r="1" spans="1:8" ht="30" customHeight="1" x14ac:dyDescent="0.15">
      <c r="A1" s="2" t="s">
        <v>197</v>
      </c>
      <c r="B1" s="1" t="s">
        <v>7</v>
      </c>
      <c r="C1" s="1" t="s">
        <v>156</v>
      </c>
      <c r="D1" s="1" t="s">
        <v>155</v>
      </c>
      <c r="E1" s="1" t="s">
        <v>4</v>
      </c>
      <c r="F1" s="1" t="s">
        <v>73</v>
      </c>
      <c r="G1" s="1" t="s">
        <v>218</v>
      </c>
      <c r="H1" s="1" t="s">
        <v>219</v>
      </c>
    </row>
    <row r="2" spans="1:8" ht="30" customHeight="1" x14ac:dyDescent="0.15">
      <c r="A2" s="2" t="s">
        <v>200</v>
      </c>
      <c r="B2" s="5" t="s">
        <v>198</v>
      </c>
      <c r="C2" s="6" t="s">
        <v>157</v>
      </c>
      <c r="D2" s="7" t="s">
        <v>8</v>
      </c>
      <c r="E2" s="8" t="s">
        <v>37</v>
      </c>
      <c r="F2" s="9" t="s">
        <v>100</v>
      </c>
      <c r="G2" s="1">
        <v>35.472524</v>
      </c>
      <c r="H2" s="1">
        <v>133.04854900000001</v>
      </c>
    </row>
    <row r="3" spans="1:8" ht="30" customHeight="1" x14ac:dyDescent="0.15">
      <c r="A3" s="2" t="s">
        <v>206</v>
      </c>
      <c r="B3" s="5" t="s">
        <v>222</v>
      </c>
      <c r="C3" s="10" t="s">
        <v>158</v>
      </c>
      <c r="D3" s="7" t="s">
        <v>221</v>
      </c>
      <c r="E3" s="8" t="s">
        <v>38</v>
      </c>
      <c r="F3" s="9" t="s">
        <v>101</v>
      </c>
      <c r="G3" s="1">
        <v>34.915742000000002</v>
      </c>
      <c r="H3" s="1">
        <v>132.10433699999999</v>
      </c>
    </row>
    <row r="4" spans="1:8" ht="30" customHeight="1" x14ac:dyDescent="0.15">
      <c r="A4" s="2" t="s">
        <v>207</v>
      </c>
      <c r="B4" s="11" t="s">
        <v>0</v>
      </c>
      <c r="C4" s="10" t="s">
        <v>159</v>
      </c>
      <c r="D4" s="10" t="s">
        <v>9</v>
      </c>
      <c r="E4" s="12" t="s">
        <v>39</v>
      </c>
      <c r="F4" s="13" t="s">
        <v>220</v>
      </c>
      <c r="G4" s="1">
        <v>35.435494599999998</v>
      </c>
      <c r="H4" s="1">
        <v>133.25293149999999</v>
      </c>
    </row>
    <row r="5" spans="1:8" ht="30" customHeight="1" x14ac:dyDescent="0.15">
      <c r="A5" s="2" t="s">
        <v>199</v>
      </c>
      <c r="B5" s="11" t="s">
        <v>74</v>
      </c>
      <c r="C5" s="10" t="s">
        <v>160</v>
      </c>
      <c r="D5" s="10" t="s">
        <v>33</v>
      </c>
      <c r="E5" s="12" t="s">
        <v>40</v>
      </c>
      <c r="F5" s="13" t="s">
        <v>102</v>
      </c>
      <c r="G5" s="1">
        <v>35.458525000000002</v>
      </c>
      <c r="H5" s="1">
        <v>133.06873200000001</v>
      </c>
    </row>
    <row r="6" spans="1:8" ht="30" customHeight="1" x14ac:dyDescent="0.15">
      <c r="A6" s="2" t="s">
        <v>199</v>
      </c>
      <c r="B6" s="11" t="s">
        <v>75</v>
      </c>
      <c r="C6" s="10" t="s">
        <v>161</v>
      </c>
      <c r="D6" s="10" t="s">
        <v>35</v>
      </c>
      <c r="E6" s="12" t="s">
        <v>41</v>
      </c>
      <c r="F6" s="13" t="s">
        <v>103</v>
      </c>
      <c r="G6" s="1">
        <v>35.564442999999997</v>
      </c>
      <c r="H6" s="1">
        <v>133.06554159999999</v>
      </c>
    </row>
    <row r="7" spans="1:8" ht="30" customHeight="1" x14ac:dyDescent="0.15">
      <c r="A7" s="2" t="s">
        <v>199</v>
      </c>
      <c r="B7" s="11" t="s">
        <v>76</v>
      </c>
      <c r="C7" s="7" t="s">
        <v>162</v>
      </c>
      <c r="D7" s="10" t="s">
        <v>72</v>
      </c>
      <c r="E7" s="12" t="s">
        <v>59</v>
      </c>
      <c r="F7" s="13" t="s">
        <v>104</v>
      </c>
      <c r="G7" s="1">
        <v>35.4295708</v>
      </c>
      <c r="H7" s="1">
        <v>133.15274170000001</v>
      </c>
    </row>
    <row r="8" spans="1:8" ht="30" customHeight="1" x14ac:dyDescent="0.15">
      <c r="A8" s="2" t="s">
        <v>201</v>
      </c>
      <c r="B8" s="11" t="s">
        <v>77</v>
      </c>
      <c r="C8" s="7" t="s">
        <v>163</v>
      </c>
      <c r="D8" s="7" t="s">
        <v>10</v>
      </c>
      <c r="E8" s="12" t="s">
        <v>42</v>
      </c>
      <c r="F8" s="13" t="s">
        <v>105</v>
      </c>
      <c r="G8" s="1">
        <v>35.2874312</v>
      </c>
      <c r="H8" s="1">
        <v>132.9014665</v>
      </c>
    </row>
    <row r="9" spans="1:8" ht="30" customHeight="1" x14ac:dyDescent="0.15">
      <c r="A9" s="2" t="s">
        <v>201</v>
      </c>
      <c r="B9" s="11" t="s">
        <v>78</v>
      </c>
      <c r="C9" s="7" t="s">
        <v>164</v>
      </c>
      <c r="D9" s="10" t="s">
        <v>70</v>
      </c>
      <c r="E9" s="12" t="s">
        <v>43</v>
      </c>
      <c r="F9" s="13" t="s">
        <v>106</v>
      </c>
      <c r="G9" s="1">
        <v>35.320792099999998</v>
      </c>
      <c r="H9" s="1">
        <v>132.96425360000001</v>
      </c>
    </row>
    <row r="10" spans="1:8" ht="30" customHeight="1" x14ac:dyDescent="0.15">
      <c r="A10" s="2" t="s">
        <v>201</v>
      </c>
      <c r="B10" s="11" t="s">
        <v>79</v>
      </c>
      <c r="C10" s="7" t="s">
        <v>165</v>
      </c>
      <c r="D10" s="7" t="s">
        <v>32</v>
      </c>
      <c r="E10" s="12" t="s">
        <v>44</v>
      </c>
      <c r="F10" s="13" t="s">
        <v>107</v>
      </c>
      <c r="G10" s="1">
        <v>35.347126099999997</v>
      </c>
      <c r="H10" s="1">
        <v>132.90727010000001</v>
      </c>
    </row>
    <row r="11" spans="1:8" ht="30" customHeight="1" x14ac:dyDescent="0.15">
      <c r="A11" s="2" t="s">
        <v>202</v>
      </c>
      <c r="B11" s="14" t="s">
        <v>80</v>
      </c>
      <c r="C11" s="7" t="s">
        <v>166</v>
      </c>
      <c r="D11" s="7" t="s">
        <v>11</v>
      </c>
      <c r="E11" s="1" t="s">
        <v>45</v>
      </c>
      <c r="F11" s="15" t="s">
        <v>108</v>
      </c>
      <c r="G11" s="1">
        <v>35.368571299999999</v>
      </c>
      <c r="H11" s="1">
        <v>132.76533850000001</v>
      </c>
    </row>
    <row r="12" spans="1:8" ht="30" customHeight="1" x14ac:dyDescent="0.15">
      <c r="A12" s="2" t="s">
        <v>202</v>
      </c>
      <c r="B12" s="11" t="s">
        <v>81</v>
      </c>
      <c r="C12" s="11" t="s">
        <v>167</v>
      </c>
      <c r="D12" s="10" t="s">
        <v>12</v>
      </c>
      <c r="E12" s="12" t="s">
        <v>46</v>
      </c>
      <c r="F12" s="13" t="s">
        <v>109</v>
      </c>
      <c r="G12" s="1">
        <v>35.4289822</v>
      </c>
      <c r="H12" s="1">
        <v>132.82009980000001</v>
      </c>
    </row>
    <row r="13" spans="1:8" ht="30" customHeight="1" x14ac:dyDescent="0.15">
      <c r="A13" s="2" t="s">
        <v>202</v>
      </c>
      <c r="B13" s="11" t="s">
        <v>82</v>
      </c>
      <c r="C13" s="7" t="s">
        <v>168</v>
      </c>
      <c r="D13" s="7" t="s">
        <v>144</v>
      </c>
      <c r="E13" s="12" t="s">
        <v>47</v>
      </c>
      <c r="F13" s="13" t="s">
        <v>110</v>
      </c>
      <c r="G13" s="1">
        <v>35.253750400000001</v>
      </c>
      <c r="H13" s="1">
        <v>132.71826799999999</v>
      </c>
    </row>
    <row r="14" spans="1:8" ht="30" customHeight="1" x14ac:dyDescent="0.15">
      <c r="A14" s="2" t="s">
        <v>202</v>
      </c>
      <c r="B14" s="11" t="s">
        <v>83</v>
      </c>
      <c r="C14" s="7" t="s">
        <v>169</v>
      </c>
      <c r="D14" s="7" t="s">
        <v>13</v>
      </c>
      <c r="E14" s="12" t="s">
        <v>48</v>
      </c>
      <c r="F14" s="13" t="s">
        <v>111</v>
      </c>
      <c r="G14" s="1">
        <v>35.285681799999999</v>
      </c>
      <c r="H14" s="1">
        <v>132.62561289999999</v>
      </c>
    </row>
    <row r="15" spans="1:8" ht="30" customHeight="1" x14ac:dyDescent="0.15">
      <c r="A15" s="2" t="s">
        <v>202</v>
      </c>
      <c r="B15" s="11" t="s">
        <v>84</v>
      </c>
      <c r="C15" s="7" t="s">
        <v>170</v>
      </c>
      <c r="D15" s="7" t="s">
        <v>15</v>
      </c>
      <c r="E15" s="12" t="s">
        <v>49</v>
      </c>
      <c r="F15" s="13" t="s">
        <v>112</v>
      </c>
      <c r="G15" s="1">
        <v>35.322732899999998</v>
      </c>
      <c r="H15" s="1">
        <v>132.67501619999999</v>
      </c>
    </row>
    <row r="16" spans="1:8" ht="30" customHeight="1" x14ac:dyDescent="0.15">
      <c r="A16" s="2" t="s">
        <v>202</v>
      </c>
      <c r="B16" s="14" t="s">
        <v>85</v>
      </c>
      <c r="C16" s="7" t="s">
        <v>171</v>
      </c>
      <c r="D16" s="7" t="s">
        <v>14</v>
      </c>
      <c r="E16" s="12" t="s">
        <v>50</v>
      </c>
      <c r="F16" s="13" t="s">
        <v>113</v>
      </c>
      <c r="G16" s="1">
        <v>35.390334000000003</v>
      </c>
      <c r="H16" s="1">
        <v>132.68514809999999</v>
      </c>
    </row>
    <row r="17" spans="1:8" ht="30" customHeight="1" x14ac:dyDescent="0.15">
      <c r="A17" s="2" t="s">
        <v>202</v>
      </c>
      <c r="B17" s="11" t="s">
        <v>86</v>
      </c>
      <c r="C17" s="7" t="s">
        <v>172</v>
      </c>
      <c r="D17" s="7" t="s">
        <v>98</v>
      </c>
      <c r="E17" s="12" t="s">
        <v>60</v>
      </c>
      <c r="F17" s="13" t="s">
        <v>114</v>
      </c>
      <c r="G17" s="1">
        <v>35.3936329</v>
      </c>
      <c r="H17" s="1">
        <v>132.81615189999999</v>
      </c>
    </row>
    <row r="18" spans="1:8" ht="30" customHeight="1" x14ac:dyDescent="0.15">
      <c r="A18" s="2" t="s">
        <v>203</v>
      </c>
      <c r="B18" s="11" t="s">
        <v>87</v>
      </c>
      <c r="C18" s="7" t="s">
        <v>173</v>
      </c>
      <c r="D18" s="10" t="s">
        <v>16</v>
      </c>
      <c r="E18" s="12" t="s">
        <v>51</v>
      </c>
      <c r="F18" s="13" t="s">
        <v>115</v>
      </c>
      <c r="G18" s="1">
        <v>35.1943172</v>
      </c>
      <c r="H18" s="1">
        <v>132.49997920000001</v>
      </c>
    </row>
    <row r="19" spans="1:8" ht="30" customHeight="1" x14ac:dyDescent="0.15">
      <c r="A19" s="2" t="s">
        <v>203</v>
      </c>
      <c r="B19" s="11" t="s">
        <v>88</v>
      </c>
      <c r="C19" s="7" t="s">
        <v>174</v>
      </c>
      <c r="D19" s="10" t="s">
        <v>25</v>
      </c>
      <c r="E19" s="12" t="s">
        <v>52</v>
      </c>
      <c r="F19" s="13" t="s">
        <v>116</v>
      </c>
      <c r="G19" s="1">
        <v>35.148247499999997</v>
      </c>
      <c r="H19" s="1">
        <v>132.4071194</v>
      </c>
    </row>
    <row r="20" spans="1:8" ht="30" customHeight="1" x14ac:dyDescent="0.15">
      <c r="A20" s="2" t="s">
        <v>203</v>
      </c>
      <c r="B20" s="11" t="s">
        <v>89</v>
      </c>
      <c r="C20" s="7" t="s">
        <v>175</v>
      </c>
      <c r="D20" s="10" t="s">
        <v>26</v>
      </c>
      <c r="E20" s="12" t="s">
        <v>53</v>
      </c>
      <c r="F20" s="13" t="s">
        <v>53</v>
      </c>
      <c r="G20" s="1">
        <v>35.089881200000001</v>
      </c>
      <c r="H20" s="1">
        <v>132.35760830000001</v>
      </c>
    </row>
    <row r="21" spans="1:8" ht="30" customHeight="1" x14ac:dyDescent="0.15">
      <c r="A21" s="2" t="s">
        <v>204</v>
      </c>
      <c r="B21" s="11" t="s">
        <v>1</v>
      </c>
      <c r="C21" s="7" t="s">
        <v>176</v>
      </c>
      <c r="D21" s="10" t="s">
        <v>17</v>
      </c>
      <c r="E21" s="12" t="s">
        <v>54</v>
      </c>
      <c r="F21" s="13" t="s">
        <v>117</v>
      </c>
      <c r="G21" s="1">
        <v>35.009681499999999</v>
      </c>
      <c r="H21" s="1">
        <v>132.2216109</v>
      </c>
    </row>
    <row r="22" spans="1:8" ht="30" customHeight="1" x14ac:dyDescent="0.15">
      <c r="A22" s="2" t="s">
        <v>204</v>
      </c>
      <c r="B22" s="11" t="s">
        <v>90</v>
      </c>
      <c r="C22" s="7" t="s">
        <v>177</v>
      </c>
      <c r="D22" s="10" t="s">
        <v>148</v>
      </c>
      <c r="E22" s="12" t="s">
        <v>55</v>
      </c>
      <c r="F22" s="13" t="s">
        <v>118</v>
      </c>
      <c r="G22" s="1">
        <v>34.958545999999998</v>
      </c>
      <c r="H22" s="1">
        <v>132.33529909999999</v>
      </c>
    </row>
    <row r="23" spans="1:8" ht="30" customHeight="1" x14ac:dyDescent="0.15">
      <c r="A23" s="2" t="s">
        <v>205</v>
      </c>
      <c r="B23" s="11" t="s">
        <v>129</v>
      </c>
      <c r="C23" s="7" t="s">
        <v>178</v>
      </c>
      <c r="D23" s="10" t="s">
        <v>130</v>
      </c>
      <c r="E23" s="12" t="s">
        <v>56</v>
      </c>
      <c r="F23" s="13" t="s">
        <v>137</v>
      </c>
      <c r="G23" s="1">
        <v>34.8982223</v>
      </c>
      <c r="H23" s="1">
        <v>132.09588740000001</v>
      </c>
    </row>
    <row r="24" spans="1:8" ht="30" customHeight="1" x14ac:dyDescent="0.15">
      <c r="A24" s="2" t="s">
        <v>205</v>
      </c>
      <c r="B24" s="11" t="s">
        <v>91</v>
      </c>
      <c r="C24" s="7" t="s">
        <v>179</v>
      </c>
      <c r="D24" s="10" t="s">
        <v>28</v>
      </c>
      <c r="E24" s="12" t="s">
        <v>57</v>
      </c>
      <c r="F24" s="13" t="s">
        <v>147</v>
      </c>
      <c r="G24" s="1">
        <v>34.8597435</v>
      </c>
      <c r="H24" s="1">
        <v>132.15972830000001</v>
      </c>
    </row>
    <row r="25" spans="1:8" ht="30" customHeight="1" x14ac:dyDescent="0.15">
      <c r="A25" s="2" t="s">
        <v>205</v>
      </c>
      <c r="B25" s="11" t="s">
        <v>92</v>
      </c>
      <c r="C25" s="7" t="s">
        <v>180</v>
      </c>
      <c r="D25" s="10" t="s">
        <v>27</v>
      </c>
      <c r="E25" s="12" t="s">
        <v>139</v>
      </c>
      <c r="F25" s="13" t="s">
        <v>137</v>
      </c>
      <c r="G25" s="1">
        <v>34.859569499999999</v>
      </c>
      <c r="H25" s="1">
        <v>132.25953229999999</v>
      </c>
    </row>
    <row r="26" spans="1:8" ht="30" customHeight="1" x14ac:dyDescent="0.15">
      <c r="A26" s="2" t="s">
        <v>205</v>
      </c>
      <c r="B26" s="11" t="s">
        <v>132</v>
      </c>
      <c r="C26" s="7" t="s">
        <v>181</v>
      </c>
      <c r="D26" s="10" t="s">
        <v>134</v>
      </c>
      <c r="E26" s="12" t="s">
        <v>136</v>
      </c>
      <c r="F26" s="13" t="s">
        <v>136</v>
      </c>
      <c r="G26" s="1">
        <v>34.783425700000002</v>
      </c>
      <c r="H26" s="1">
        <v>131.95563319999999</v>
      </c>
    </row>
    <row r="27" spans="1:8" ht="30" customHeight="1" x14ac:dyDescent="0.15">
      <c r="A27" s="2" t="s">
        <v>205</v>
      </c>
      <c r="B27" s="11" t="s">
        <v>131</v>
      </c>
      <c r="C27" s="7" t="s">
        <v>182</v>
      </c>
      <c r="D27" s="10" t="s">
        <v>133</v>
      </c>
      <c r="E27" s="12" t="s">
        <v>135</v>
      </c>
      <c r="F27" s="13" t="s">
        <v>138</v>
      </c>
      <c r="G27" s="1">
        <v>34.7650626</v>
      </c>
      <c r="H27" s="1">
        <v>132.07242579999999</v>
      </c>
    </row>
    <row r="28" spans="1:8" ht="30" customHeight="1" x14ac:dyDescent="0.15">
      <c r="A28" s="2" t="s">
        <v>208</v>
      </c>
      <c r="B28" s="11" t="s">
        <v>3</v>
      </c>
      <c r="C28" s="7" t="s">
        <v>183</v>
      </c>
      <c r="D28" s="10" t="s">
        <v>18</v>
      </c>
      <c r="E28" s="12" t="s">
        <v>58</v>
      </c>
      <c r="F28" s="13" t="s">
        <v>119</v>
      </c>
      <c r="G28" s="1">
        <v>34.673592300000003</v>
      </c>
      <c r="H28" s="1">
        <v>131.84541730000001</v>
      </c>
    </row>
    <row r="29" spans="1:8" ht="30" customHeight="1" x14ac:dyDescent="0.15">
      <c r="A29" s="2" t="s">
        <v>208</v>
      </c>
      <c r="B29" s="11" t="s">
        <v>93</v>
      </c>
      <c r="C29" s="7" t="s">
        <v>184</v>
      </c>
      <c r="D29" s="10" t="s">
        <v>145</v>
      </c>
      <c r="E29" s="12" t="s">
        <v>69</v>
      </c>
      <c r="F29" s="13" t="s">
        <v>69</v>
      </c>
      <c r="G29" s="1">
        <v>34.666062599999997</v>
      </c>
      <c r="H29" s="1">
        <v>131.985894</v>
      </c>
    </row>
    <row r="30" spans="1:8" ht="30" customHeight="1" x14ac:dyDescent="0.15">
      <c r="A30" s="2" t="s">
        <v>209</v>
      </c>
      <c r="B30" s="11" t="s">
        <v>5</v>
      </c>
      <c r="C30" s="7" t="s">
        <v>185</v>
      </c>
      <c r="D30" s="7" t="s">
        <v>149</v>
      </c>
      <c r="E30" s="12" t="s">
        <v>99</v>
      </c>
      <c r="F30" s="13" t="s">
        <v>150</v>
      </c>
      <c r="G30" s="1">
        <v>35.079792699999999</v>
      </c>
      <c r="H30" s="1">
        <v>132.78221830000001</v>
      </c>
    </row>
    <row r="31" spans="1:8" ht="30" customHeight="1" x14ac:dyDescent="0.15">
      <c r="A31" s="2" t="s">
        <v>210</v>
      </c>
      <c r="B31" s="11" t="s">
        <v>2</v>
      </c>
      <c r="C31" s="7" t="s">
        <v>186</v>
      </c>
      <c r="D31" s="10" t="s">
        <v>19</v>
      </c>
      <c r="E31" s="12" t="s">
        <v>61</v>
      </c>
      <c r="F31" s="13" t="s">
        <v>120</v>
      </c>
      <c r="G31" s="1">
        <v>34.991825599999999</v>
      </c>
      <c r="H31" s="1">
        <v>132.4971539</v>
      </c>
    </row>
    <row r="32" spans="1:8" ht="30" customHeight="1" x14ac:dyDescent="0.15">
      <c r="A32" s="2" t="s">
        <v>211</v>
      </c>
      <c r="B32" s="11" t="s">
        <v>140</v>
      </c>
      <c r="C32" s="7" t="s">
        <v>187</v>
      </c>
      <c r="D32" s="10" t="s">
        <v>141</v>
      </c>
      <c r="E32" s="12" t="s">
        <v>142</v>
      </c>
      <c r="F32" s="13" t="s">
        <v>143</v>
      </c>
      <c r="G32" s="1">
        <v>35.076562699999997</v>
      </c>
      <c r="H32" s="1">
        <v>132.59097850000001</v>
      </c>
    </row>
    <row r="33" spans="1:8" ht="30" customHeight="1" x14ac:dyDescent="0.15">
      <c r="A33" s="2" t="s">
        <v>212</v>
      </c>
      <c r="B33" s="11" t="s">
        <v>6</v>
      </c>
      <c r="C33" s="7" t="s">
        <v>188</v>
      </c>
      <c r="D33" s="10" t="s">
        <v>20</v>
      </c>
      <c r="E33" s="12" t="s">
        <v>62</v>
      </c>
      <c r="F33" s="13" t="s">
        <v>121</v>
      </c>
      <c r="G33" s="1">
        <v>34.855729799999999</v>
      </c>
      <c r="H33" s="1">
        <v>132.52108949999999</v>
      </c>
    </row>
    <row r="34" spans="1:8" ht="30" customHeight="1" x14ac:dyDescent="0.15">
      <c r="A34" s="2" t="s">
        <v>212</v>
      </c>
      <c r="B34" s="11" t="s">
        <v>94</v>
      </c>
      <c r="C34" s="7" t="s">
        <v>189</v>
      </c>
      <c r="D34" s="10" t="s">
        <v>34</v>
      </c>
      <c r="E34" s="12" t="s">
        <v>63</v>
      </c>
      <c r="F34" s="13" t="s">
        <v>122</v>
      </c>
      <c r="G34" s="1">
        <v>34.890341599999999</v>
      </c>
      <c r="H34" s="1">
        <v>132.44045030000001</v>
      </c>
    </row>
    <row r="35" spans="1:8" ht="30" customHeight="1" x14ac:dyDescent="0.15">
      <c r="A35" s="2" t="s">
        <v>212</v>
      </c>
      <c r="B35" s="11" t="s">
        <v>95</v>
      </c>
      <c r="C35" s="7" t="s">
        <v>190</v>
      </c>
      <c r="D35" s="10" t="s">
        <v>21</v>
      </c>
      <c r="E35" s="12" t="s">
        <v>64</v>
      </c>
      <c r="F35" s="13" t="s">
        <v>123</v>
      </c>
      <c r="G35" s="1">
        <v>34.874405400000001</v>
      </c>
      <c r="H35" s="1">
        <v>132.61740850000001</v>
      </c>
    </row>
    <row r="36" spans="1:8" ht="30" customHeight="1" x14ac:dyDescent="0.15">
      <c r="A36" s="2" t="s">
        <v>213</v>
      </c>
      <c r="B36" s="11" t="s">
        <v>96</v>
      </c>
      <c r="C36" s="7" t="s">
        <v>191</v>
      </c>
      <c r="D36" s="10" t="s">
        <v>31</v>
      </c>
      <c r="E36" s="12" t="s">
        <v>65</v>
      </c>
      <c r="F36" s="13" t="s">
        <v>124</v>
      </c>
      <c r="G36" s="1">
        <v>34.461038700000003</v>
      </c>
      <c r="H36" s="1">
        <v>131.77154429999999</v>
      </c>
    </row>
    <row r="37" spans="1:8" ht="30" customHeight="1" x14ac:dyDescent="0.15">
      <c r="A37" s="2" t="s">
        <v>213</v>
      </c>
      <c r="B37" s="11" t="s">
        <v>97</v>
      </c>
      <c r="C37" s="7" t="s">
        <v>192</v>
      </c>
      <c r="D37" s="10" t="s">
        <v>30</v>
      </c>
      <c r="E37" s="12" t="s">
        <v>66</v>
      </c>
      <c r="F37" s="13" t="s">
        <v>125</v>
      </c>
      <c r="G37" s="1">
        <v>34.542145400000003</v>
      </c>
      <c r="H37" s="1">
        <v>131.83833569999999</v>
      </c>
    </row>
    <row r="38" spans="1:8" ht="30" customHeight="1" x14ac:dyDescent="0.15">
      <c r="A38" s="2" t="s">
        <v>214</v>
      </c>
      <c r="B38" s="11" t="s">
        <v>24</v>
      </c>
      <c r="C38" s="7" t="s">
        <v>193</v>
      </c>
      <c r="D38" s="10" t="s">
        <v>29</v>
      </c>
      <c r="E38" s="12" t="s">
        <v>67</v>
      </c>
      <c r="F38" s="13" t="s">
        <v>126</v>
      </c>
      <c r="G38" s="1">
        <v>34.354376700000003</v>
      </c>
      <c r="H38" s="1">
        <v>131.9350858</v>
      </c>
    </row>
    <row r="39" spans="1:8" ht="30" customHeight="1" x14ac:dyDescent="0.15">
      <c r="A39" s="2" t="s">
        <v>215</v>
      </c>
      <c r="B39" s="11" t="s">
        <v>71</v>
      </c>
      <c r="C39" s="7" t="s">
        <v>194</v>
      </c>
      <c r="D39" s="10" t="s">
        <v>23</v>
      </c>
      <c r="E39" s="12" t="s">
        <v>36</v>
      </c>
      <c r="F39" s="13" t="s">
        <v>127</v>
      </c>
      <c r="G39" s="1">
        <v>36.0968296</v>
      </c>
      <c r="H39" s="1">
        <v>133.09617560000001</v>
      </c>
    </row>
    <row r="40" spans="1:8" ht="30" customHeight="1" x14ac:dyDescent="0.15">
      <c r="A40" s="2" t="s">
        <v>217</v>
      </c>
      <c r="B40" s="11" t="s">
        <v>151</v>
      </c>
      <c r="C40" s="7" t="s">
        <v>195</v>
      </c>
      <c r="D40" s="10" t="s">
        <v>152</v>
      </c>
      <c r="E40" s="12" t="s">
        <v>153</v>
      </c>
      <c r="F40" s="13" t="s">
        <v>154</v>
      </c>
      <c r="G40" s="1">
        <v>36.094014999999999</v>
      </c>
      <c r="H40" s="1">
        <v>132.99914200000001</v>
      </c>
    </row>
    <row r="41" spans="1:8" ht="30" customHeight="1" x14ac:dyDescent="0.15">
      <c r="A41" s="2" t="s">
        <v>216</v>
      </c>
      <c r="B41" s="11" t="s">
        <v>22</v>
      </c>
      <c r="C41" s="7" t="s">
        <v>196</v>
      </c>
      <c r="D41" s="10" t="s">
        <v>146</v>
      </c>
      <c r="E41" s="12" t="s">
        <v>68</v>
      </c>
      <c r="F41" s="13" t="s">
        <v>128</v>
      </c>
      <c r="G41" s="1">
        <v>36.208108199999998</v>
      </c>
      <c r="H41" s="1">
        <v>133.32448890000001</v>
      </c>
    </row>
    <row r="42" spans="1:8" ht="33" customHeight="1" x14ac:dyDescent="0.15"/>
    <row r="43" spans="1:8" ht="33" customHeight="1" x14ac:dyDescent="0.15"/>
    <row r="47" spans="1:8" s="16" customFormat="1" x14ac:dyDescent="0.15">
      <c r="C47" s="4"/>
      <c r="D47" s="4"/>
      <c r="E47" s="4"/>
      <c r="F47" s="4"/>
      <c r="G47" s="3"/>
    </row>
    <row r="48" spans="1:8" s="16" customFormat="1" x14ac:dyDescent="0.15">
      <c r="C48" s="4"/>
      <c r="D48" s="4"/>
      <c r="E48" s="4"/>
      <c r="F48" s="4"/>
      <c r="G48" s="3"/>
    </row>
    <row r="49" spans="3:7" s="16" customFormat="1" x14ac:dyDescent="0.15">
      <c r="C49" s="4"/>
      <c r="D49" s="4"/>
      <c r="E49" s="4"/>
      <c r="F49" s="4"/>
      <c r="G49" s="3"/>
    </row>
    <row r="50" spans="3:7" s="16" customFormat="1" x14ac:dyDescent="0.15">
      <c r="C50" s="4"/>
      <c r="D50" s="4"/>
      <c r="E50" s="4"/>
      <c r="F50" s="4"/>
      <c r="G50" s="3"/>
    </row>
    <row r="51" spans="3:7" s="16" customFormat="1" x14ac:dyDescent="0.15">
      <c r="C51" s="4"/>
      <c r="D51" s="4"/>
      <c r="E51" s="4"/>
      <c r="F51" s="4"/>
      <c r="G51" s="3"/>
    </row>
    <row r="52" spans="3:7" s="16" customFormat="1" x14ac:dyDescent="0.15">
      <c r="C52" s="4"/>
      <c r="D52" s="4"/>
      <c r="E52" s="4"/>
      <c r="F52" s="4"/>
      <c r="G52" s="3"/>
    </row>
    <row r="53" spans="3:7" s="16" customFormat="1" x14ac:dyDescent="0.15">
      <c r="C53" s="4"/>
      <c r="D53" s="4"/>
      <c r="E53" s="4"/>
      <c r="F53" s="4"/>
      <c r="G53" s="3"/>
    </row>
    <row r="54" spans="3:7" s="16" customFormat="1" x14ac:dyDescent="0.15">
      <c r="C54" s="4"/>
      <c r="D54" s="4"/>
      <c r="E54" s="4"/>
      <c r="F54" s="4"/>
      <c r="G54" s="3"/>
    </row>
    <row r="55" spans="3:7" s="16" customFormat="1" x14ac:dyDescent="0.15">
      <c r="C55" s="4"/>
      <c r="D55" s="4"/>
      <c r="E55" s="4"/>
      <c r="F55" s="4"/>
      <c r="G55" s="3"/>
    </row>
    <row r="56" spans="3:7" s="16" customFormat="1" x14ac:dyDescent="0.15">
      <c r="C56" s="4"/>
      <c r="D56" s="4"/>
      <c r="E56" s="4"/>
      <c r="F56" s="4"/>
      <c r="G56" s="3"/>
    </row>
    <row r="57" spans="3:7" s="16" customFormat="1" x14ac:dyDescent="0.15">
      <c r="C57" s="4"/>
      <c r="D57" s="4"/>
      <c r="E57" s="4"/>
      <c r="F57" s="4"/>
      <c r="G57" s="3"/>
    </row>
    <row r="58" spans="3:7" s="16" customFormat="1" x14ac:dyDescent="0.15">
      <c r="C58" s="4"/>
      <c r="D58" s="4"/>
      <c r="E58" s="4"/>
      <c r="F58" s="4"/>
      <c r="G58" s="3"/>
    </row>
    <row r="59" spans="3:7" s="16" customFormat="1" x14ac:dyDescent="0.15">
      <c r="C59" s="4"/>
      <c r="D59" s="4"/>
      <c r="E59" s="4"/>
      <c r="F59" s="4"/>
      <c r="G59" s="3"/>
    </row>
    <row r="60" spans="3:7" s="16" customFormat="1" x14ac:dyDescent="0.15">
      <c r="C60" s="4"/>
      <c r="D60" s="4"/>
      <c r="E60" s="4"/>
      <c r="F60" s="4"/>
      <c r="G60" s="3"/>
    </row>
    <row r="61" spans="3:7" s="16" customFormat="1" x14ac:dyDescent="0.15">
      <c r="C61" s="4"/>
      <c r="D61" s="4"/>
      <c r="E61" s="4"/>
      <c r="F61" s="4"/>
      <c r="G61" s="3"/>
    </row>
    <row r="62" spans="3:7" s="16" customFormat="1" x14ac:dyDescent="0.15">
      <c r="C62" s="4"/>
      <c r="D62" s="4"/>
      <c r="E62" s="4"/>
      <c r="F62" s="4"/>
      <c r="G62" s="3"/>
    </row>
    <row r="63" spans="3:7" s="16" customFormat="1" x14ac:dyDescent="0.15">
      <c r="C63" s="4"/>
      <c r="D63" s="4"/>
      <c r="E63" s="4"/>
      <c r="F63" s="4"/>
      <c r="G63" s="3"/>
    </row>
    <row r="64" spans="3:7" s="16" customFormat="1" x14ac:dyDescent="0.15">
      <c r="C64" s="4"/>
      <c r="D64" s="4"/>
      <c r="E64" s="4"/>
      <c r="F64" s="4"/>
      <c r="G64" s="3"/>
    </row>
    <row r="65" spans="3:7" s="16" customFormat="1" x14ac:dyDescent="0.15">
      <c r="C65" s="4"/>
      <c r="D65" s="4"/>
      <c r="E65" s="4"/>
      <c r="F65" s="4"/>
      <c r="G65" s="3"/>
    </row>
    <row r="66" spans="3:7" s="16" customFormat="1" x14ac:dyDescent="0.15">
      <c r="C66" s="4"/>
      <c r="D66" s="4"/>
      <c r="E66" s="4"/>
      <c r="F66" s="4"/>
      <c r="G66" s="3"/>
    </row>
    <row r="67" spans="3:7" s="16" customFormat="1" x14ac:dyDescent="0.15">
      <c r="C67" s="4"/>
      <c r="D67" s="4"/>
      <c r="E67" s="4"/>
      <c r="F67" s="4"/>
      <c r="G67" s="3"/>
    </row>
    <row r="68" spans="3:7" s="16" customFormat="1" x14ac:dyDescent="0.15">
      <c r="C68" s="4"/>
      <c r="D68" s="4"/>
      <c r="E68" s="4"/>
      <c r="F68" s="4"/>
      <c r="G68" s="3"/>
    </row>
    <row r="69" spans="3:7" s="16" customFormat="1" x14ac:dyDescent="0.15">
      <c r="C69" s="4"/>
      <c r="D69" s="4"/>
      <c r="E69" s="4"/>
      <c r="F69" s="4"/>
      <c r="G69" s="3"/>
    </row>
    <row r="70" spans="3:7" s="16" customFormat="1" x14ac:dyDescent="0.15">
      <c r="C70" s="4"/>
      <c r="D70" s="4"/>
      <c r="E70" s="4"/>
      <c r="F70" s="4"/>
      <c r="G70" s="3"/>
    </row>
    <row r="71" spans="3:7" s="16" customFormat="1" x14ac:dyDescent="0.15">
      <c r="C71" s="4"/>
      <c r="D71" s="4"/>
      <c r="E71" s="4"/>
      <c r="F71" s="4"/>
      <c r="G71" s="3"/>
    </row>
    <row r="72" spans="3:7" s="16" customFormat="1" x14ac:dyDescent="0.15">
      <c r="C72" s="4"/>
      <c r="D72" s="4"/>
      <c r="E72" s="4"/>
      <c r="F72" s="4"/>
      <c r="G72" s="3"/>
    </row>
    <row r="73" spans="3:7" s="16" customFormat="1" x14ac:dyDescent="0.15">
      <c r="C73" s="4"/>
      <c r="D73" s="4"/>
      <c r="E73" s="4"/>
      <c r="F73" s="4"/>
      <c r="G73" s="3"/>
    </row>
    <row r="74" spans="3:7" s="16" customFormat="1" x14ac:dyDescent="0.15">
      <c r="C74" s="4"/>
      <c r="D74" s="4"/>
      <c r="E74" s="4"/>
      <c r="F74" s="4"/>
      <c r="G74" s="3"/>
    </row>
    <row r="75" spans="3:7" s="16" customFormat="1" x14ac:dyDescent="0.15">
      <c r="C75" s="4"/>
      <c r="D75" s="4"/>
      <c r="E75" s="4"/>
      <c r="F75" s="4"/>
      <c r="G75" s="3"/>
    </row>
    <row r="76" spans="3:7" s="16" customFormat="1" x14ac:dyDescent="0.15">
      <c r="C76" s="4"/>
      <c r="D76" s="4"/>
      <c r="E76" s="4"/>
      <c r="F76" s="4"/>
      <c r="G76" s="3"/>
    </row>
    <row r="77" spans="3:7" s="16" customFormat="1" x14ac:dyDescent="0.15">
      <c r="C77" s="4"/>
      <c r="D77" s="4"/>
      <c r="E77" s="4"/>
      <c r="F77" s="4"/>
      <c r="G77" s="3"/>
    </row>
    <row r="78" spans="3:7" s="16" customFormat="1" x14ac:dyDescent="0.15">
      <c r="C78" s="4"/>
      <c r="D78" s="4"/>
      <c r="E78" s="4"/>
      <c r="F78" s="4"/>
      <c r="G78" s="3"/>
    </row>
    <row r="79" spans="3:7" s="16" customFormat="1" x14ac:dyDescent="0.15">
      <c r="C79" s="4"/>
      <c r="D79" s="4"/>
      <c r="E79" s="4"/>
      <c r="F79" s="4"/>
      <c r="G79" s="3"/>
    </row>
    <row r="80" spans="3:7" s="16" customFormat="1" x14ac:dyDescent="0.15">
      <c r="C80" s="4"/>
      <c r="D80" s="4"/>
      <c r="E80" s="4"/>
      <c r="F80" s="4"/>
      <c r="G80" s="3"/>
    </row>
    <row r="81" spans="3:7" s="16" customFormat="1" x14ac:dyDescent="0.15">
      <c r="C81" s="4"/>
      <c r="D81" s="4"/>
      <c r="E81" s="4"/>
      <c r="F81" s="4"/>
      <c r="G81" s="3"/>
    </row>
    <row r="82" spans="3:7" s="16" customFormat="1" x14ac:dyDescent="0.15">
      <c r="C82" s="4"/>
      <c r="D82" s="4"/>
      <c r="E82" s="4"/>
      <c r="F82" s="4"/>
      <c r="G82" s="3"/>
    </row>
    <row r="83" spans="3:7" s="16" customFormat="1" x14ac:dyDescent="0.15">
      <c r="C83" s="4"/>
      <c r="D83" s="4"/>
      <c r="E83" s="4"/>
      <c r="F83" s="4"/>
      <c r="G83" s="3"/>
    </row>
    <row r="84" spans="3:7" s="16" customFormat="1" x14ac:dyDescent="0.15">
      <c r="C84" s="4"/>
      <c r="D84" s="4"/>
      <c r="E84" s="4"/>
      <c r="F84" s="4"/>
      <c r="G84" s="3"/>
    </row>
    <row r="85" spans="3:7" s="16" customFormat="1" x14ac:dyDescent="0.15">
      <c r="C85" s="4"/>
      <c r="D85" s="4"/>
      <c r="E85" s="4"/>
      <c r="F85" s="4"/>
      <c r="G85" s="3"/>
    </row>
    <row r="86" spans="3:7" s="16" customFormat="1" x14ac:dyDescent="0.15">
      <c r="C86" s="4"/>
      <c r="D86" s="4"/>
      <c r="E86" s="4"/>
      <c r="F86" s="4"/>
      <c r="G86" s="3"/>
    </row>
    <row r="87" spans="3:7" s="16" customFormat="1" x14ac:dyDescent="0.15">
      <c r="C87" s="4"/>
      <c r="D87" s="4"/>
      <c r="E87" s="4"/>
      <c r="F87" s="4"/>
      <c r="G87" s="3"/>
    </row>
    <row r="88" spans="3:7" s="16" customFormat="1" x14ac:dyDescent="0.15">
      <c r="C88" s="4"/>
      <c r="D88" s="4"/>
      <c r="E88" s="4"/>
      <c r="F88" s="4"/>
      <c r="G88" s="3"/>
    </row>
    <row r="89" spans="3:7" s="16" customFormat="1" x14ac:dyDescent="0.15">
      <c r="C89" s="4"/>
      <c r="D89" s="4"/>
      <c r="E89" s="4"/>
      <c r="F89" s="4"/>
      <c r="G89" s="3"/>
    </row>
    <row r="90" spans="3:7" s="16" customFormat="1" x14ac:dyDescent="0.15">
      <c r="C90" s="4"/>
      <c r="D90" s="4"/>
      <c r="E90" s="4"/>
      <c r="F90" s="4"/>
      <c r="G90" s="3"/>
    </row>
    <row r="91" spans="3:7" s="16" customFormat="1" x14ac:dyDescent="0.15">
      <c r="C91" s="4"/>
      <c r="D91" s="4"/>
      <c r="E91" s="4"/>
      <c r="F91" s="4"/>
      <c r="G91" s="3"/>
    </row>
    <row r="92" spans="3:7" s="16" customFormat="1" x14ac:dyDescent="0.15">
      <c r="C92" s="4"/>
      <c r="D92" s="4"/>
      <c r="E92" s="4"/>
      <c r="F92" s="4"/>
      <c r="G92" s="3"/>
    </row>
    <row r="93" spans="3:7" s="16" customFormat="1" x14ac:dyDescent="0.15">
      <c r="C93" s="4"/>
      <c r="D93" s="4"/>
      <c r="E93" s="4"/>
      <c r="F93" s="4"/>
      <c r="G93" s="3"/>
    </row>
    <row r="94" spans="3:7" s="16" customFormat="1" x14ac:dyDescent="0.15">
      <c r="C94" s="4"/>
      <c r="D94" s="4"/>
      <c r="E94" s="4"/>
      <c r="F94" s="4"/>
      <c r="G94" s="3"/>
    </row>
    <row r="95" spans="3:7" s="16" customFormat="1" x14ac:dyDescent="0.15">
      <c r="C95" s="4"/>
      <c r="D95" s="4"/>
      <c r="E95" s="4"/>
      <c r="F95" s="4"/>
      <c r="G95" s="3"/>
    </row>
    <row r="96" spans="3:7" s="16" customFormat="1" x14ac:dyDescent="0.15">
      <c r="C96" s="4"/>
      <c r="D96" s="4"/>
      <c r="E96" s="4"/>
      <c r="F96" s="4"/>
      <c r="G96" s="3"/>
    </row>
    <row r="97" spans="3:7" s="16" customFormat="1" x14ac:dyDescent="0.15">
      <c r="C97" s="4"/>
      <c r="D97" s="4"/>
      <c r="E97" s="4"/>
      <c r="F97" s="4"/>
      <c r="G97" s="3"/>
    </row>
    <row r="98" spans="3:7" s="16" customFormat="1" x14ac:dyDescent="0.15">
      <c r="C98" s="4"/>
      <c r="D98" s="4"/>
      <c r="E98" s="4"/>
      <c r="F98" s="4"/>
      <c r="G98" s="3"/>
    </row>
    <row r="99" spans="3:7" s="16" customFormat="1" x14ac:dyDescent="0.15">
      <c r="C99" s="4"/>
      <c r="D99" s="4"/>
      <c r="E99" s="4"/>
      <c r="F99" s="4"/>
      <c r="G99" s="3"/>
    </row>
    <row r="100" spans="3:7" s="16" customFormat="1" x14ac:dyDescent="0.15">
      <c r="C100" s="4"/>
      <c r="D100" s="4"/>
      <c r="E100" s="4"/>
      <c r="F100" s="4"/>
      <c r="G100" s="3"/>
    </row>
    <row r="101" spans="3:7" s="16" customFormat="1" x14ac:dyDescent="0.15">
      <c r="C101" s="4"/>
      <c r="D101" s="4"/>
      <c r="E101" s="4"/>
      <c r="F101" s="4"/>
      <c r="G101" s="3"/>
    </row>
    <row r="102" spans="3:7" s="16" customFormat="1" x14ac:dyDescent="0.15">
      <c r="C102" s="4"/>
      <c r="D102" s="4"/>
      <c r="E102" s="4"/>
      <c r="F102" s="4"/>
      <c r="G102" s="3"/>
    </row>
    <row r="103" spans="3:7" s="16" customFormat="1" x14ac:dyDescent="0.15">
      <c r="C103" s="4"/>
      <c r="D103" s="4"/>
      <c r="E103" s="4"/>
      <c r="F103" s="4"/>
      <c r="G103" s="3"/>
    </row>
    <row r="104" spans="3:7" s="16" customFormat="1" x14ac:dyDescent="0.15">
      <c r="C104" s="4"/>
      <c r="D104" s="4"/>
      <c r="E104" s="4"/>
      <c r="F104" s="4"/>
      <c r="G104" s="3"/>
    </row>
    <row r="105" spans="3:7" s="16" customFormat="1" x14ac:dyDescent="0.15">
      <c r="C105" s="4"/>
      <c r="D105" s="4"/>
      <c r="E105" s="4"/>
      <c r="F105" s="4"/>
      <c r="G105" s="3"/>
    </row>
    <row r="106" spans="3:7" s="16" customFormat="1" x14ac:dyDescent="0.15">
      <c r="C106" s="4"/>
      <c r="D106" s="4"/>
      <c r="E106" s="4"/>
      <c r="F106" s="4"/>
      <c r="G106" s="3"/>
    </row>
    <row r="107" spans="3:7" s="16" customFormat="1" x14ac:dyDescent="0.15">
      <c r="C107" s="4"/>
      <c r="D107" s="4"/>
      <c r="E107" s="4"/>
      <c r="F107" s="4"/>
      <c r="G107" s="3"/>
    </row>
    <row r="108" spans="3:7" s="16" customFormat="1" x14ac:dyDescent="0.15">
      <c r="C108" s="4"/>
      <c r="D108" s="4"/>
      <c r="E108" s="4"/>
      <c r="F108" s="4"/>
      <c r="G108" s="3"/>
    </row>
    <row r="109" spans="3:7" s="16" customFormat="1" x14ac:dyDescent="0.15">
      <c r="C109" s="4"/>
      <c r="D109" s="4"/>
      <c r="E109" s="4"/>
      <c r="F109" s="4"/>
      <c r="G109" s="3"/>
    </row>
    <row r="110" spans="3:7" s="16" customFormat="1" x14ac:dyDescent="0.15">
      <c r="C110" s="4"/>
      <c r="D110" s="4"/>
      <c r="E110" s="4"/>
      <c r="F110" s="4"/>
      <c r="G110" s="3"/>
    </row>
    <row r="111" spans="3:7" s="16" customFormat="1" x14ac:dyDescent="0.15">
      <c r="C111" s="4"/>
      <c r="D111" s="4"/>
      <c r="E111" s="4"/>
      <c r="F111" s="4"/>
      <c r="G111" s="3"/>
    </row>
    <row r="112" spans="3:7" s="16" customFormat="1" x14ac:dyDescent="0.15">
      <c r="C112" s="4"/>
      <c r="D112" s="4"/>
      <c r="E112" s="4"/>
      <c r="F112" s="4"/>
      <c r="G112" s="3"/>
    </row>
    <row r="113" spans="3:7" s="16" customFormat="1" x14ac:dyDescent="0.15">
      <c r="C113" s="4"/>
      <c r="D113" s="4"/>
      <c r="E113" s="4"/>
      <c r="F113" s="4"/>
      <c r="G113" s="3"/>
    </row>
    <row r="114" spans="3:7" s="16" customFormat="1" x14ac:dyDescent="0.15">
      <c r="C114" s="4"/>
      <c r="D114" s="4"/>
      <c r="E114" s="4"/>
      <c r="F114" s="4"/>
      <c r="G114" s="3"/>
    </row>
    <row r="115" spans="3:7" s="16" customFormat="1" x14ac:dyDescent="0.15">
      <c r="C115" s="4"/>
      <c r="D115" s="4"/>
      <c r="E115" s="4"/>
      <c r="F115" s="4"/>
      <c r="G115" s="3"/>
    </row>
    <row r="116" spans="3:7" s="16" customFormat="1" x14ac:dyDescent="0.15">
      <c r="C116" s="4"/>
      <c r="D116" s="4"/>
      <c r="E116" s="4"/>
      <c r="F116" s="4"/>
      <c r="G116" s="3"/>
    </row>
    <row r="117" spans="3:7" s="16" customFormat="1" x14ac:dyDescent="0.15">
      <c r="C117" s="4"/>
      <c r="D117" s="4"/>
      <c r="E117" s="4"/>
      <c r="F117" s="4"/>
      <c r="G117" s="3"/>
    </row>
    <row r="118" spans="3:7" s="16" customFormat="1" x14ac:dyDescent="0.15">
      <c r="C118" s="4"/>
      <c r="D118" s="4"/>
      <c r="E118" s="4"/>
      <c r="F118" s="4"/>
      <c r="G118" s="3"/>
    </row>
    <row r="119" spans="3:7" s="16" customFormat="1" x14ac:dyDescent="0.15">
      <c r="C119" s="4"/>
      <c r="D119" s="4"/>
      <c r="E119" s="4"/>
      <c r="F119" s="4"/>
      <c r="G119" s="3"/>
    </row>
    <row r="120" spans="3:7" s="16" customFormat="1" x14ac:dyDescent="0.15">
      <c r="C120" s="4"/>
      <c r="D120" s="4"/>
      <c r="E120" s="4"/>
      <c r="F120" s="4"/>
      <c r="G120" s="3"/>
    </row>
    <row r="121" spans="3:7" s="16" customFormat="1" x14ac:dyDescent="0.15">
      <c r="C121" s="4"/>
      <c r="D121" s="4"/>
      <c r="E121" s="4"/>
      <c r="F121" s="4"/>
      <c r="G121" s="3"/>
    </row>
    <row r="122" spans="3:7" s="16" customFormat="1" x14ac:dyDescent="0.15">
      <c r="C122" s="4"/>
      <c r="D122" s="4"/>
      <c r="E122" s="4"/>
      <c r="F122" s="4"/>
      <c r="G122" s="3"/>
    </row>
    <row r="123" spans="3:7" s="16" customFormat="1" x14ac:dyDescent="0.15">
      <c r="C123" s="4"/>
      <c r="D123" s="4"/>
      <c r="E123" s="4"/>
      <c r="F123" s="4"/>
      <c r="G123" s="3"/>
    </row>
    <row r="124" spans="3:7" s="16" customFormat="1" x14ac:dyDescent="0.15">
      <c r="C124" s="4"/>
      <c r="D124" s="4"/>
      <c r="E124" s="4"/>
      <c r="F124" s="4"/>
      <c r="G124" s="3"/>
    </row>
    <row r="125" spans="3:7" s="16" customFormat="1" x14ac:dyDescent="0.15">
      <c r="C125" s="4"/>
      <c r="D125" s="4"/>
      <c r="E125" s="4"/>
      <c r="F125" s="4"/>
      <c r="G125" s="3"/>
    </row>
    <row r="126" spans="3:7" s="16" customFormat="1" x14ac:dyDescent="0.15">
      <c r="C126" s="4"/>
      <c r="D126" s="4"/>
      <c r="E126" s="4"/>
      <c r="F126" s="4"/>
      <c r="G126" s="3"/>
    </row>
    <row r="127" spans="3:7" s="16" customFormat="1" x14ac:dyDescent="0.15">
      <c r="C127" s="4"/>
      <c r="D127" s="4"/>
      <c r="E127" s="4"/>
      <c r="F127" s="4"/>
      <c r="G127" s="3"/>
    </row>
    <row r="128" spans="3:7" s="16" customFormat="1" x14ac:dyDescent="0.15">
      <c r="C128" s="4"/>
      <c r="D128" s="4"/>
      <c r="E128" s="4"/>
      <c r="F128" s="4"/>
      <c r="G128" s="3"/>
    </row>
    <row r="129" spans="3:7" s="16" customFormat="1" x14ac:dyDescent="0.15">
      <c r="C129" s="4"/>
      <c r="D129" s="4"/>
      <c r="E129" s="4"/>
      <c r="F129" s="4"/>
      <c r="G129" s="3"/>
    </row>
    <row r="130" spans="3:7" s="16" customFormat="1" x14ac:dyDescent="0.15">
      <c r="C130" s="4"/>
      <c r="D130" s="4"/>
      <c r="E130" s="4"/>
      <c r="F130" s="4"/>
      <c r="G130" s="3"/>
    </row>
    <row r="131" spans="3:7" s="16" customFormat="1" x14ac:dyDescent="0.15">
      <c r="C131" s="4"/>
      <c r="D131" s="4"/>
      <c r="E131" s="4"/>
      <c r="F131" s="4"/>
      <c r="G131" s="3"/>
    </row>
    <row r="132" spans="3:7" s="16" customFormat="1" x14ac:dyDescent="0.15">
      <c r="C132" s="4"/>
      <c r="D132" s="4"/>
      <c r="E132" s="4"/>
      <c r="F132" s="4"/>
      <c r="G132" s="3"/>
    </row>
    <row r="133" spans="3:7" s="16" customFormat="1" x14ac:dyDescent="0.15">
      <c r="C133" s="4"/>
      <c r="D133" s="4"/>
      <c r="E133" s="4"/>
      <c r="F133" s="4"/>
      <c r="G133" s="3"/>
    </row>
    <row r="134" spans="3:7" s="16" customFormat="1" x14ac:dyDescent="0.15">
      <c r="C134" s="4"/>
      <c r="D134" s="4"/>
      <c r="E134" s="4"/>
      <c r="F134" s="4"/>
      <c r="G134" s="3"/>
    </row>
    <row r="135" spans="3:7" s="16" customFormat="1" x14ac:dyDescent="0.15">
      <c r="C135" s="4"/>
      <c r="D135" s="4"/>
      <c r="E135" s="4"/>
      <c r="F135" s="4"/>
      <c r="G135" s="3"/>
    </row>
    <row r="136" spans="3:7" s="16" customFormat="1" x14ac:dyDescent="0.15">
      <c r="C136" s="4"/>
      <c r="D136" s="4"/>
      <c r="E136" s="4"/>
      <c r="F136" s="4"/>
      <c r="G136" s="3"/>
    </row>
    <row r="137" spans="3:7" s="16" customFormat="1" x14ac:dyDescent="0.15">
      <c r="C137" s="4"/>
      <c r="D137" s="4"/>
      <c r="E137" s="4"/>
      <c r="F137" s="4"/>
      <c r="G137" s="3"/>
    </row>
    <row r="138" spans="3:7" s="16" customFormat="1" x14ac:dyDescent="0.15">
      <c r="C138" s="4"/>
      <c r="D138" s="4"/>
      <c r="E138" s="4"/>
      <c r="F138" s="4"/>
      <c r="G138" s="3"/>
    </row>
    <row r="139" spans="3:7" s="16" customFormat="1" x14ac:dyDescent="0.15">
      <c r="C139" s="4"/>
      <c r="D139" s="4"/>
      <c r="E139" s="4"/>
      <c r="F139" s="4"/>
      <c r="G139" s="3"/>
    </row>
    <row r="140" spans="3:7" s="16" customFormat="1" x14ac:dyDescent="0.15">
      <c r="C140" s="4"/>
      <c r="D140" s="4"/>
      <c r="E140" s="4"/>
      <c r="F140" s="4"/>
      <c r="G140" s="3"/>
    </row>
    <row r="141" spans="3:7" s="16" customFormat="1" x14ac:dyDescent="0.15">
      <c r="C141" s="4"/>
      <c r="D141" s="4"/>
      <c r="E141" s="4"/>
      <c r="F141" s="4"/>
      <c r="G141" s="3"/>
    </row>
    <row r="142" spans="3:7" s="16" customFormat="1" x14ac:dyDescent="0.15">
      <c r="C142" s="4"/>
      <c r="D142" s="4"/>
      <c r="E142" s="4"/>
      <c r="F142" s="4"/>
      <c r="G142" s="3"/>
    </row>
    <row r="143" spans="3:7" s="16" customFormat="1" x14ac:dyDescent="0.15">
      <c r="C143" s="4"/>
      <c r="D143" s="4"/>
      <c r="E143" s="4"/>
      <c r="F143" s="4"/>
      <c r="G143" s="3"/>
    </row>
    <row r="144" spans="3:7" s="16" customFormat="1" x14ac:dyDescent="0.15">
      <c r="C144" s="4"/>
      <c r="D144" s="4"/>
      <c r="E144" s="4"/>
      <c r="F144" s="4"/>
      <c r="G144" s="3"/>
    </row>
    <row r="145" spans="3:7" s="16" customFormat="1" x14ac:dyDescent="0.15">
      <c r="C145" s="4"/>
      <c r="D145" s="4"/>
      <c r="E145" s="4"/>
      <c r="F145" s="4"/>
      <c r="G145" s="3"/>
    </row>
    <row r="146" spans="3:7" s="16" customFormat="1" x14ac:dyDescent="0.15">
      <c r="C146" s="4"/>
      <c r="D146" s="4"/>
      <c r="E146" s="4"/>
      <c r="F146" s="4"/>
      <c r="G146" s="3"/>
    </row>
    <row r="147" spans="3:7" s="16" customFormat="1" x14ac:dyDescent="0.15">
      <c r="C147" s="4"/>
      <c r="D147" s="4"/>
      <c r="E147" s="4"/>
      <c r="F147" s="4"/>
      <c r="G147" s="3"/>
    </row>
    <row r="148" spans="3:7" s="16" customFormat="1" x14ac:dyDescent="0.15">
      <c r="C148" s="4"/>
      <c r="D148" s="4"/>
      <c r="E148" s="4"/>
      <c r="F148" s="4"/>
      <c r="G148" s="3"/>
    </row>
    <row r="149" spans="3:7" s="16" customFormat="1" x14ac:dyDescent="0.15">
      <c r="C149" s="4"/>
      <c r="D149" s="4"/>
      <c r="E149" s="4"/>
      <c r="F149" s="4"/>
      <c r="G149" s="3"/>
    </row>
    <row r="150" spans="3:7" s="16" customFormat="1" x14ac:dyDescent="0.15">
      <c r="C150" s="4"/>
      <c r="D150" s="4"/>
      <c r="E150" s="4"/>
      <c r="F150" s="4"/>
      <c r="G150" s="3"/>
    </row>
    <row r="151" spans="3:7" s="16" customFormat="1" x14ac:dyDescent="0.15">
      <c r="C151" s="4"/>
      <c r="D151" s="4"/>
      <c r="E151" s="4"/>
      <c r="F151" s="4"/>
      <c r="G151" s="3"/>
    </row>
    <row r="152" spans="3:7" s="16" customFormat="1" x14ac:dyDescent="0.15">
      <c r="C152" s="4"/>
      <c r="D152" s="4"/>
      <c r="E152" s="4"/>
      <c r="F152" s="4"/>
      <c r="G152" s="3"/>
    </row>
    <row r="153" spans="3:7" s="16" customFormat="1" x14ac:dyDescent="0.15">
      <c r="C153" s="4"/>
      <c r="D153" s="4"/>
      <c r="E153" s="4"/>
      <c r="F153" s="4"/>
      <c r="G153" s="3"/>
    </row>
    <row r="154" spans="3:7" s="16" customFormat="1" x14ac:dyDescent="0.15">
      <c r="C154" s="4"/>
      <c r="D154" s="4"/>
      <c r="E154" s="4"/>
      <c r="F154" s="4"/>
      <c r="G154" s="3"/>
    </row>
    <row r="155" spans="3:7" s="16" customFormat="1" x14ac:dyDescent="0.15">
      <c r="C155" s="4"/>
      <c r="D155" s="4"/>
      <c r="E155" s="4"/>
      <c r="F155" s="4"/>
      <c r="G155" s="3"/>
    </row>
    <row r="156" spans="3:7" s="16" customFormat="1" x14ac:dyDescent="0.15">
      <c r="C156" s="4"/>
      <c r="D156" s="4"/>
      <c r="E156" s="4"/>
      <c r="F156" s="4"/>
      <c r="G156" s="3"/>
    </row>
    <row r="157" spans="3:7" s="16" customFormat="1" x14ac:dyDescent="0.15">
      <c r="C157" s="4"/>
      <c r="D157" s="4"/>
      <c r="E157" s="4"/>
      <c r="F157" s="4"/>
      <c r="G157" s="3"/>
    </row>
    <row r="158" spans="3:7" s="16" customFormat="1" x14ac:dyDescent="0.15">
      <c r="C158" s="4"/>
      <c r="D158" s="4"/>
      <c r="E158" s="4"/>
      <c r="F158" s="4"/>
      <c r="G158" s="3"/>
    </row>
    <row r="159" spans="3:7" s="16" customFormat="1" x14ac:dyDescent="0.15">
      <c r="C159" s="4"/>
      <c r="D159" s="4"/>
      <c r="E159" s="4"/>
      <c r="F159" s="4"/>
      <c r="G159" s="3"/>
    </row>
    <row r="160" spans="3:7" s="16" customFormat="1" x14ac:dyDescent="0.15">
      <c r="C160" s="4"/>
      <c r="D160" s="4"/>
      <c r="E160" s="4"/>
      <c r="F160" s="4"/>
      <c r="G160" s="3"/>
    </row>
    <row r="161" spans="3:7" s="16" customFormat="1" x14ac:dyDescent="0.15">
      <c r="C161" s="4"/>
      <c r="D161" s="4"/>
      <c r="E161" s="4"/>
      <c r="F161" s="4"/>
      <c r="G161" s="3"/>
    </row>
    <row r="162" spans="3:7" s="16" customFormat="1" x14ac:dyDescent="0.15">
      <c r="C162" s="4"/>
      <c r="D162" s="4"/>
      <c r="E162" s="4"/>
      <c r="F162" s="4"/>
      <c r="G162" s="3"/>
    </row>
    <row r="163" spans="3:7" s="16" customFormat="1" x14ac:dyDescent="0.15">
      <c r="C163" s="4"/>
      <c r="D163" s="4"/>
      <c r="E163" s="4"/>
      <c r="F163" s="4"/>
      <c r="G163" s="3"/>
    </row>
    <row r="164" spans="3:7" s="16" customFormat="1" x14ac:dyDescent="0.15">
      <c r="C164" s="4"/>
      <c r="D164" s="4"/>
      <c r="E164" s="4"/>
      <c r="F164" s="4"/>
      <c r="G164" s="3"/>
    </row>
    <row r="165" spans="3:7" s="16" customFormat="1" x14ac:dyDescent="0.15">
      <c r="C165" s="4"/>
      <c r="D165" s="4"/>
      <c r="E165" s="4"/>
      <c r="F165" s="4"/>
      <c r="G165" s="3"/>
    </row>
    <row r="166" spans="3:7" s="16" customFormat="1" x14ac:dyDescent="0.15">
      <c r="C166" s="4"/>
      <c r="D166" s="4"/>
      <c r="E166" s="4"/>
      <c r="F166" s="4"/>
      <c r="G166" s="3"/>
    </row>
    <row r="167" spans="3:7" s="16" customFormat="1" x14ac:dyDescent="0.15">
      <c r="C167" s="4"/>
      <c r="D167" s="4"/>
      <c r="E167" s="4"/>
      <c r="F167" s="4"/>
      <c r="G167" s="3"/>
    </row>
    <row r="168" spans="3:7" s="16" customFormat="1" x14ac:dyDescent="0.15">
      <c r="C168" s="4"/>
      <c r="D168" s="4"/>
      <c r="E168" s="4"/>
      <c r="F168" s="4"/>
      <c r="G168" s="3"/>
    </row>
    <row r="169" spans="3:7" s="16" customFormat="1" x14ac:dyDescent="0.15">
      <c r="C169" s="4"/>
      <c r="D169" s="4"/>
      <c r="E169" s="4"/>
      <c r="F169" s="4"/>
      <c r="G169" s="3"/>
    </row>
    <row r="170" spans="3:7" s="16" customFormat="1" x14ac:dyDescent="0.15">
      <c r="C170" s="4"/>
      <c r="D170" s="4"/>
      <c r="E170" s="4"/>
      <c r="F170" s="4"/>
      <c r="G170" s="3"/>
    </row>
    <row r="171" spans="3:7" s="16" customFormat="1" x14ac:dyDescent="0.15">
      <c r="C171" s="4"/>
      <c r="D171" s="4"/>
      <c r="E171" s="4"/>
      <c r="F171" s="4"/>
      <c r="G171" s="3"/>
    </row>
    <row r="172" spans="3:7" s="16" customFormat="1" x14ac:dyDescent="0.15">
      <c r="C172" s="4"/>
      <c r="D172" s="4"/>
      <c r="E172" s="4"/>
      <c r="F172" s="4"/>
      <c r="G172" s="3"/>
    </row>
    <row r="173" spans="3:7" s="16" customFormat="1" x14ac:dyDescent="0.15">
      <c r="C173" s="4"/>
      <c r="D173" s="4"/>
      <c r="E173" s="4"/>
      <c r="F173" s="4"/>
      <c r="G173" s="3"/>
    </row>
    <row r="174" spans="3:7" s="16" customFormat="1" x14ac:dyDescent="0.15">
      <c r="C174" s="4"/>
      <c r="D174" s="4"/>
      <c r="E174" s="4"/>
      <c r="F174" s="4"/>
      <c r="G174" s="3"/>
    </row>
    <row r="175" spans="3:7" s="16" customFormat="1" x14ac:dyDescent="0.15">
      <c r="C175" s="4"/>
      <c r="D175" s="4"/>
      <c r="E175" s="4"/>
      <c r="F175" s="4"/>
      <c r="G175" s="3"/>
    </row>
    <row r="176" spans="3:7" s="16" customFormat="1" x14ac:dyDescent="0.15">
      <c r="C176" s="4"/>
      <c r="D176" s="4"/>
      <c r="E176" s="4"/>
      <c r="F176" s="4"/>
      <c r="G176" s="3"/>
    </row>
    <row r="177" spans="3:7" s="16" customFormat="1" x14ac:dyDescent="0.15">
      <c r="C177" s="4"/>
      <c r="D177" s="4"/>
      <c r="E177" s="4"/>
      <c r="F177" s="4"/>
      <c r="G177" s="3"/>
    </row>
    <row r="178" spans="3:7" s="16" customFormat="1" x14ac:dyDescent="0.15">
      <c r="C178" s="4"/>
      <c r="D178" s="4"/>
      <c r="E178" s="4"/>
      <c r="F178" s="4"/>
      <c r="G178" s="3"/>
    </row>
    <row r="179" spans="3:7" s="16" customFormat="1" x14ac:dyDescent="0.15">
      <c r="C179" s="4"/>
      <c r="D179" s="4"/>
      <c r="E179" s="4"/>
      <c r="F179" s="4"/>
      <c r="G179" s="3"/>
    </row>
    <row r="180" spans="3:7" s="16" customFormat="1" x14ac:dyDescent="0.15">
      <c r="C180" s="4"/>
      <c r="D180" s="4"/>
      <c r="E180" s="4"/>
      <c r="F180" s="4"/>
      <c r="G180" s="3"/>
    </row>
    <row r="181" spans="3:7" s="16" customFormat="1" x14ac:dyDescent="0.15">
      <c r="C181" s="4"/>
      <c r="D181" s="4"/>
      <c r="E181" s="4"/>
      <c r="F181" s="4"/>
      <c r="G181" s="3"/>
    </row>
  </sheetData>
  <phoneticPr fontId="1"/>
  <printOptions horizontalCentered="1"/>
  <pageMargins left="0.78740157480314965" right="0.59055118110236227" top="0.59055118110236227" bottom="0.59055118110236227" header="0.39370078740157483" footer="0.39370078740157483"/>
  <pageSetup paperSize="9" scale="54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公共図書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立図書館</dc:creator>
  <cp:lastModifiedBy>Windows ユーザー</cp:lastModifiedBy>
  <cp:lastPrinted>2019-01-22T01:48:24Z</cp:lastPrinted>
  <dcterms:created xsi:type="dcterms:W3CDTF">2002-06-04T08:49:36Z</dcterms:created>
  <dcterms:modified xsi:type="dcterms:W3CDTF">2019-09-18T00:43:28Z</dcterms:modified>
</cp:coreProperties>
</file>